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44" r:id="rId1"/>
  </p:sldMasterIdLst>
  <p:notesMasterIdLst>
    <p:notesMasterId r:id="rId5"/>
  </p:notesMasterIdLst>
  <p:sldIdLst>
    <p:sldId id="937" r:id="rId2"/>
    <p:sldId id="935" r:id="rId3"/>
    <p:sldId id="936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9EEF2"/>
    <a:srgbClr val="81955B"/>
    <a:srgbClr val="E8EEF8"/>
    <a:srgbClr val="4D355D"/>
    <a:srgbClr val="A485B9"/>
    <a:srgbClr val="618197"/>
    <a:srgbClr val="6F6F74"/>
    <a:srgbClr val="7C7B7B"/>
    <a:srgbClr val="4472C4"/>
    <a:srgbClr val="5B9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1494" autoAdjust="0"/>
    <p:restoredTop sz="96374" autoAdjust="0"/>
  </p:normalViewPr>
  <p:slideViewPr>
    <p:cSldViewPr snapToGrid="0">
      <p:cViewPr varScale="1">
        <p:scale>
          <a:sx n="114" d="100"/>
          <a:sy n="114" d="100"/>
        </p:scale>
        <p:origin x="672" y="114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B5AE2C28-1AA6-4C09-BDC3-9DCAEF362FC3}" type="doc">
      <dgm:prSet loTypeId="urn:microsoft.com/office/officeart/2005/8/layout/list1" loCatId="list" qsTypeId="urn:microsoft.com/office/officeart/2005/8/quickstyle/simple1" qsCatId="simple" csTypeId="urn:microsoft.com/office/officeart/2005/8/colors/colorful1" csCatId="colorful" phldr="1"/>
      <dgm:spPr/>
      <dgm:t>
        <a:bodyPr/>
        <a:lstStyle/>
        <a:p>
          <a:endParaRPr lang="pt-BR"/>
        </a:p>
      </dgm:t>
    </dgm:pt>
    <dgm:pt modelId="{639CD9AA-0185-43C5-81D9-945E5CE27880}">
      <dgm:prSet phldrT="[Text]"/>
      <dgm:spPr/>
      <dgm:t>
        <a:bodyPr/>
        <a:lstStyle/>
        <a:p>
          <a:r>
            <a:rPr lang="en-CA" dirty="0"/>
            <a:t>Weekly meeting (zoom) </a:t>
          </a:r>
          <a:endParaRPr lang="pt-BR" dirty="0"/>
        </a:p>
      </dgm:t>
    </dgm:pt>
    <dgm:pt modelId="{427855BA-B1C7-4FCF-B71B-D6FB4E7BAC65}" type="parTrans" cxnId="{148E64EA-29AC-4C6F-9583-8D33E2893DD5}">
      <dgm:prSet/>
      <dgm:spPr/>
      <dgm:t>
        <a:bodyPr/>
        <a:lstStyle/>
        <a:p>
          <a:endParaRPr lang="pt-BR"/>
        </a:p>
      </dgm:t>
    </dgm:pt>
    <dgm:pt modelId="{6AF1F817-E471-4774-B099-26EE17438BDE}" type="sibTrans" cxnId="{148E64EA-29AC-4C6F-9583-8D33E2893DD5}">
      <dgm:prSet/>
      <dgm:spPr/>
      <dgm:t>
        <a:bodyPr/>
        <a:lstStyle/>
        <a:p>
          <a:endParaRPr lang="pt-BR"/>
        </a:p>
      </dgm:t>
    </dgm:pt>
    <dgm:pt modelId="{FD33003A-0BB0-4E6D-8020-B2EB1726BE46}">
      <dgm:prSet phldrT="[Text]"/>
      <dgm:spPr/>
      <dgm:t>
        <a:bodyPr/>
        <a:lstStyle/>
        <a:p>
          <a:r>
            <a:rPr lang="en-CA" dirty="0"/>
            <a:t>Tasks list weekly</a:t>
          </a:r>
          <a:endParaRPr lang="pt-BR" dirty="0"/>
        </a:p>
      </dgm:t>
    </dgm:pt>
    <dgm:pt modelId="{41394E30-D9C1-4B4A-99EB-01FF8E8C5447}" type="parTrans" cxnId="{B45D39A4-F0B9-4648-B9A0-A0F23DD428B3}">
      <dgm:prSet/>
      <dgm:spPr/>
      <dgm:t>
        <a:bodyPr/>
        <a:lstStyle/>
        <a:p>
          <a:endParaRPr lang="pt-BR"/>
        </a:p>
      </dgm:t>
    </dgm:pt>
    <dgm:pt modelId="{086906C9-DC00-4A7A-9CD9-9E7C7A752147}" type="sibTrans" cxnId="{B45D39A4-F0B9-4648-B9A0-A0F23DD428B3}">
      <dgm:prSet/>
      <dgm:spPr/>
      <dgm:t>
        <a:bodyPr/>
        <a:lstStyle/>
        <a:p>
          <a:endParaRPr lang="pt-BR"/>
        </a:p>
      </dgm:t>
    </dgm:pt>
    <dgm:pt modelId="{8534A1C4-8E31-4DA6-B432-E1C1C1F717FE}">
      <dgm:prSet phldrT="[Text]"/>
      <dgm:spPr/>
      <dgm:t>
        <a:bodyPr/>
        <a:lstStyle/>
        <a:p>
          <a:r>
            <a:rPr lang="en-CA" dirty="0"/>
            <a:t>All responsible for commits on GitHub</a:t>
          </a:r>
          <a:endParaRPr lang="pt-BR" dirty="0"/>
        </a:p>
      </dgm:t>
    </dgm:pt>
    <dgm:pt modelId="{7EDE4ADF-588C-4C70-9849-E6646FB34800}" type="parTrans" cxnId="{403AEBF4-33C4-4549-A656-ADBFA3419E97}">
      <dgm:prSet/>
      <dgm:spPr/>
      <dgm:t>
        <a:bodyPr/>
        <a:lstStyle/>
        <a:p>
          <a:endParaRPr lang="pt-BR"/>
        </a:p>
      </dgm:t>
    </dgm:pt>
    <dgm:pt modelId="{0C5B4C16-EDF9-4E60-BE6D-857A2427A0C9}" type="sibTrans" cxnId="{403AEBF4-33C4-4549-A656-ADBFA3419E97}">
      <dgm:prSet/>
      <dgm:spPr/>
      <dgm:t>
        <a:bodyPr/>
        <a:lstStyle/>
        <a:p>
          <a:endParaRPr lang="pt-BR"/>
        </a:p>
      </dgm:t>
    </dgm:pt>
    <dgm:pt modelId="{924C813F-C647-47DF-9DCE-133EF294A00A}">
      <dgm:prSet/>
      <dgm:spPr/>
      <dgm:t>
        <a:bodyPr/>
        <a:lstStyle/>
        <a:p>
          <a:r>
            <a:rPr lang="en-CA" dirty="0"/>
            <a:t>Official communication Channel: Slack Group 3</a:t>
          </a:r>
          <a:endParaRPr lang="pt-BR" dirty="0"/>
        </a:p>
      </dgm:t>
    </dgm:pt>
    <dgm:pt modelId="{3D056A07-BBB6-4443-97FE-49DD505869FF}" type="parTrans" cxnId="{FC6AC174-3C8A-44DD-9956-C5DEB3DC39D3}">
      <dgm:prSet/>
      <dgm:spPr/>
      <dgm:t>
        <a:bodyPr/>
        <a:lstStyle/>
        <a:p>
          <a:endParaRPr lang="pt-BR"/>
        </a:p>
      </dgm:t>
    </dgm:pt>
    <dgm:pt modelId="{DEF1FE9D-7E7C-420B-9144-2A0BED311C57}" type="sibTrans" cxnId="{FC6AC174-3C8A-44DD-9956-C5DEB3DC39D3}">
      <dgm:prSet/>
      <dgm:spPr/>
      <dgm:t>
        <a:bodyPr/>
        <a:lstStyle/>
        <a:p>
          <a:endParaRPr lang="pt-BR"/>
        </a:p>
      </dgm:t>
    </dgm:pt>
    <dgm:pt modelId="{773A63B0-1D1E-451B-ACAE-A0A5BEB1F6C2}">
      <dgm:prSet/>
      <dgm:spPr/>
      <dgm:t>
        <a:bodyPr/>
        <a:lstStyle/>
        <a:p>
          <a:r>
            <a:rPr lang="en-CA" dirty="0"/>
            <a:t>Weekly review for all deliverables and rubrics with all team</a:t>
          </a:r>
          <a:endParaRPr lang="pt-BR" dirty="0"/>
        </a:p>
      </dgm:t>
    </dgm:pt>
    <dgm:pt modelId="{73148C4B-14CF-4179-BD4A-EC73FAE48287}" type="parTrans" cxnId="{0FE57BCF-0C95-465C-9090-FF99691E98DA}">
      <dgm:prSet/>
      <dgm:spPr/>
      <dgm:t>
        <a:bodyPr/>
        <a:lstStyle/>
        <a:p>
          <a:endParaRPr lang="pt-BR"/>
        </a:p>
      </dgm:t>
    </dgm:pt>
    <dgm:pt modelId="{994E5D9B-E5E5-4122-BCE9-81AD88C29A4B}" type="sibTrans" cxnId="{0FE57BCF-0C95-465C-9090-FF99691E98DA}">
      <dgm:prSet/>
      <dgm:spPr/>
      <dgm:t>
        <a:bodyPr/>
        <a:lstStyle/>
        <a:p>
          <a:endParaRPr lang="pt-BR"/>
        </a:p>
      </dgm:t>
    </dgm:pt>
    <dgm:pt modelId="{6609435E-C54A-4221-94A7-872EA62B8FD8}">
      <dgm:prSet/>
      <dgm:spPr/>
      <dgm:t>
        <a:bodyPr/>
        <a:lstStyle/>
        <a:p>
          <a:r>
            <a:rPr lang="en-US" b="0" i="0" dirty="0"/>
            <a:t>Decision making process: Common sense or voting </a:t>
          </a:r>
          <a:endParaRPr lang="en-US" dirty="0"/>
        </a:p>
      </dgm:t>
    </dgm:pt>
    <dgm:pt modelId="{3D8ADFAD-5D0F-4C2E-A65B-58BEC29D1AB9}" type="parTrans" cxnId="{279A0CD8-B57C-4600-A5D3-D5FF37439C6A}">
      <dgm:prSet/>
      <dgm:spPr/>
      <dgm:t>
        <a:bodyPr/>
        <a:lstStyle/>
        <a:p>
          <a:endParaRPr lang="pt-BR"/>
        </a:p>
      </dgm:t>
    </dgm:pt>
    <dgm:pt modelId="{A57FD7E6-EA02-4ACF-A7C1-F00F7521A2C1}" type="sibTrans" cxnId="{279A0CD8-B57C-4600-A5D3-D5FF37439C6A}">
      <dgm:prSet/>
      <dgm:spPr/>
      <dgm:t>
        <a:bodyPr/>
        <a:lstStyle/>
        <a:p>
          <a:endParaRPr lang="pt-BR"/>
        </a:p>
      </dgm:t>
    </dgm:pt>
    <dgm:pt modelId="{7A312B95-7A60-4A2A-80C3-0AC179775CDE}" type="pres">
      <dgm:prSet presAssocID="{B5AE2C28-1AA6-4C09-BDC3-9DCAEF362FC3}" presName="linear" presStyleCnt="0">
        <dgm:presLayoutVars>
          <dgm:dir/>
          <dgm:animLvl val="lvl"/>
          <dgm:resizeHandles val="exact"/>
        </dgm:presLayoutVars>
      </dgm:prSet>
      <dgm:spPr/>
    </dgm:pt>
    <dgm:pt modelId="{0A198CF9-3534-4F0C-BC8A-2E57D858AE57}" type="pres">
      <dgm:prSet presAssocID="{639CD9AA-0185-43C5-81D9-945E5CE27880}" presName="parentLin" presStyleCnt="0"/>
      <dgm:spPr/>
    </dgm:pt>
    <dgm:pt modelId="{2C6C3879-CF87-44F1-8DDA-49B76940493F}" type="pres">
      <dgm:prSet presAssocID="{639CD9AA-0185-43C5-81D9-945E5CE27880}" presName="parentLeftMargin" presStyleLbl="node1" presStyleIdx="0" presStyleCnt="6"/>
      <dgm:spPr/>
    </dgm:pt>
    <dgm:pt modelId="{A31286B7-B4D6-4EC9-9D9E-D9E42D29ED99}" type="pres">
      <dgm:prSet presAssocID="{639CD9AA-0185-43C5-81D9-945E5CE27880}" presName="parentText" presStyleLbl="node1" presStyleIdx="0" presStyleCnt="6">
        <dgm:presLayoutVars>
          <dgm:chMax val="0"/>
          <dgm:bulletEnabled val="1"/>
        </dgm:presLayoutVars>
      </dgm:prSet>
      <dgm:spPr/>
    </dgm:pt>
    <dgm:pt modelId="{B1279AAC-A084-4D7C-A1E7-E4A34FEF1931}" type="pres">
      <dgm:prSet presAssocID="{639CD9AA-0185-43C5-81D9-945E5CE27880}" presName="negativeSpace" presStyleCnt="0"/>
      <dgm:spPr/>
    </dgm:pt>
    <dgm:pt modelId="{BEA4C4E4-5CC4-43DB-8CDA-6AE61F23286E}" type="pres">
      <dgm:prSet presAssocID="{639CD9AA-0185-43C5-81D9-945E5CE27880}" presName="childText" presStyleLbl="conFgAcc1" presStyleIdx="0" presStyleCnt="6">
        <dgm:presLayoutVars>
          <dgm:bulletEnabled val="1"/>
        </dgm:presLayoutVars>
      </dgm:prSet>
      <dgm:spPr/>
    </dgm:pt>
    <dgm:pt modelId="{48C74FBA-722C-4A43-A734-AD6C76A7ACD6}" type="pres">
      <dgm:prSet presAssocID="{6AF1F817-E471-4774-B099-26EE17438BDE}" presName="spaceBetweenRectangles" presStyleCnt="0"/>
      <dgm:spPr/>
    </dgm:pt>
    <dgm:pt modelId="{C3A58903-1B9A-42E3-AB5D-C5EB41811AAB}" type="pres">
      <dgm:prSet presAssocID="{FD33003A-0BB0-4E6D-8020-B2EB1726BE46}" presName="parentLin" presStyleCnt="0"/>
      <dgm:spPr/>
    </dgm:pt>
    <dgm:pt modelId="{19FFF9D9-5DB7-47A6-A39B-4621C2EAC8C0}" type="pres">
      <dgm:prSet presAssocID="{FD33003A-0BB0-4E6D-8020-B2EB1726BE46}" presName="parentLeftMargin" presStyleLbl="node1" presStyleIdx="0" presStyleCnt="6"/>
      <dgm:spPr/>
    </dgm:pt>
    <dgm:pt modelId="{5B97F13B-4B4E-41E2-8D94-A83316392460}" type="pres">
      <dgm:prSet presAssocID="{FD33003A-0BB0-4E6D-8020-B2EB1726BE46}" presName="parentText" presStyleLbl="node1" presStyleIdx="1" presStyleCnt="6">
        <dgm:presLayoutVars>
          <dgm:chMax val="0"/>
          <dgm:bulletEnabled val="1"/>
        </dgm:presLayoutVars>
      </dgm:prSet>
      <dgm:spPr/>
    </dgm:pt>
    <dgm:pt modelId="{8772DF5E-516E-42D3-904E-0F6F7AFF9D70}" type="pres">
      <dgm:prSet presAssocID="{FD33003A-0BB0-4E6D-8020-B2EB1726BE46}" presName="negativeSpace" presStyleCnt="0"/>
      <dgm:spPr/>
    </dgm:pt>
    <dgm:pt modelId="{D2BD01C7-9AA6-40DD-9606-AFE281023FAD}" type="pres">
      <dgm:prSet presAssocID="{FD33003A-0BB0-4E6D-8020-B2EB1726BE46}" presName="childText" presStyleLbl="conFgAcc1" presStyleIdx="1" presStyleCnt="6">
        <dgm:presLayoutVars>
          <dgm:bulletEnabled val="1"/>
        </dgm:presLayoutVars>
      </dgm:prSet>
      <dgm:spPr/>
    </dgm:pt>
    <dgm:pt modelId="{E5531F6A-55D0-4A04-8A9E-C31B84D2B7F7}" type="pres">
      <dgm:prSet presAssocID="{086906C9-DC00-4A7A-9CD9-9E7C7A752147}" presName="spaceBetweenRectangles" presStyleCnt="0"/>
      <dgm:spPr/>
    </dgm:pt>
    <dgm:pt modelId="{E523A32A-4F45-48FA-B259-4B4B230D7DD4}" type="pres">
      <dgm:prSet presAssocID="{8534A1C4-8E31-4DA6-B432-E1C1C1F717FE}" presName="parentLin" presStyleCnt="0"/>
      <dgm:spPr/>
    </dgm:pt>
    <dgm:pt modelId="{966AF056-B2E3-42C6-A506-A320F854324C}" type="pres">
      <dgm:prSet presAssocID="{8534A1C4-8E31-4DA6-B432-E1C1C1F717FE}" presName="parentLeftMargin" presStyleLbl="node1" presStyleIdx="1" presStyleCnt="6"/>
      <dgm:spPr/>
    </dgm:pt>
    <dgm:pt modelId="{31E7A430-72B4-40F8-9CBF-6F3CD22AB3DC}" type="pres">
      <dgm:prSet presAssocID="{8534A1C4-8E31-4DA6-B432-E1C1C1F717FE}" presName="parentText" presStyleLbl="node1" presStyleIdx="2" presStyleCnt="6">
        <dgm:presLayoutVars>
          <dgm:chMax val="0"/>
          <dgm:bulletEnabled val="1"/>
        </dgm:presLayoutVars>
      </dgm:prSet>
      <dgm:spPr/>
    </dgm:pt>
    <dgm:pt modelId="{293EB28C-1EF4-4C90-8B9A-8AE88E837CA9}" type="pres">
      <dgm:prSet presAssocID="{8534A1C4-8E31-4DA6-B432-E1C1C1F717FE}" presName="negativeSpace" presStyleCnt="0"/>
      <dgm:spPr/>
    </dgm:pt>
    <dgm:pt modelId="{867E67DA-F647-4DBF-BA2C-1BAC7688FADC}" type="pres">
      <dgm:prSet presAssocID="{8534A1C4-8E31-4DA6-B432-E1C1C1F717FE}" presName="childText" presStyleLbl="conFgAcc1" presStyleIdx="2" presStyleCnt="6">
        <dgm:presLayoutVars>
          <dgm:bulletEnabled val="1"/>
        </dgm:presLayoutVars>
      </dgm:prSet>
      <dgm:spPr/>
    </dgm:pt>
    <dgm:pt modelId="{2CA70641-39E6-4FB7-B523-E833E1AC6FF7}" type="pres">
      <dgm:prSet presAssocID="{0C5B4C16-EDF9-4E60-BE6D-857A2427A0C9}" presName="spaceBetweenRectangles" presStyleCnt="0"/>
      <dgm:spPr/>
    </dgm:pt>
    <dgm:pt modelId="{EB15AF81-E03B-4567-8888-35C42F936923}" type="pres">
      <dgm:prSet presAssocID="{924C813F-C647-47DF-9DCE-133EF294A00A}" presName="parentLin" presStyleCnt="0"/>
      <dgm:spPr/>
    </dgm:pt>
    <dgm:pt modelId="{10775023-CC3E-47D9-A66B-F00F5978F07F}" type="pres">
      <dgm:prSet presAssocID="{924C813F-C647-47DF-9DCE-133EF294A00A}" presName="parentLeftMargin" presStyleLbl="node1" presStyleIdx="2" presStyleCnt="6"/>
      <dgm:spPr/>
    </dgm:pt>
    <dgm:pt modelId="{3505E2D5-9E91-4F98-B3A8-66FE5E03CCA9}" type="pres">
      <dgm:prSet presAssocID="{924C813F-C647-47DF-9DCE-133EF294A00A}" presName="parentText" presStyleLbl="node1" presStyleIdx="3" presStyleCnt="6">
        <dgm:presLayoutVars>
          <dgm:chMax val="0"/>
          <dgm:bulletEnabled val="1"/>
        </dgm:presLayoutVars>
      </dgm:prSet>
      <dgm:spPr/>
    </dgm:pt>
    <dgm:pt modelId="{48FBD6FF-E77C-4ABE-87CF-21D99E71F0C8}" type="pres">
      <dgm:prSet presAssocID="{924C813F-C647-47DF-9DCE-133EF294A00A}" presName="negativeSpace" presStyleCnt="0"/>
      <dgm:spPr/>
    </dgm:pt>
    <dgm:pt modelId="{FB45A2F2-BC09-4169-B6B9-24A037A29653}" type="pres">
      <dgm:prSet presAssocID="{924C813F-C647-47DF-9DCE-133EF294A00A}" presName="childText" presStyleLbl="conFgAcc1" presStyleIdx="3" presStyleCnt="6">
        <dgm:presLayoutVars>
          <dgm:bulletEnabled val="1"/>
        </dgm:presLayoutVars>
      </dgm:prSet>
      <dgm:spPr/>
    </dgm:pt>
    <dgm:pt modelId="{2BC8F18A-72E6-4135-9294-1362F296699C}" type="pres">
      <dgm:prSet presAssocID="{DEF1FE9D-7E7C-420B-9144-2A0BED311C57}" presName="spaceBetweenRectangles" presStyleCnt="0"/>
      <dgm:spPr/>
    </dgm:pt>
    <dgm:pt modelId="{6A9F79DA-0F16-47F0-9DCD-F8CB5DC4511C}" type="pres">
      <dgm:prSet presAssocID="{773A63B0-1D1E-451B-ACAE-A0A5BEB1F6C2}" presName="parentLin" presStyleCnt="0"/>
      <dgm:spPr/>
    </dgm:pt>
    <dgm:pt modelId="{4E97F6F3-E829-4858-B091-F1707FBE7E86}" type="pres">
      <dgm:prSet presAssocID="{773A63B0-1D1E-451B-ACAE-A0A5BEB1F6C2}" presName="parentLeftMargin" presStyleLbl="node1" presStyleIdx="3" presStyleCnt="6"/>
      <dgm:spPr/>
    </dgm:pt>
    <dgm:pt modelId="{8E649494-9456-404A-BCF1-F72FDAFBA2B1}" type="pres">
      <dgm:prSet presAssocID="{773A63B0-1D1E-451B-ACAE-A0A5BEB1F6C2}" presName="parentText" presStyleLbl="node1" presStyleIdx="4" presStyleCnt="6">
        <dgm:presLayoutVars>
          <dgm:chMax val="0"/>
          <dgm:bulletEnabled val="1"/>
        </dgm:presLayoutVars>
      </dgm:prSet>
      <dgm:spPr/>
    </dgm:pt>
    <dgm:pt modelId="{5A8E44C2-932D-46A7-BBB9-72A9DC7080F5}" type="pres">
      <dgm:prSet presAssocID="{773A63B0-1D1E-451B-ACAE-A0A5BEB1F6C2}" presName="negativeSpace" presStyleCnt="0"/>
      <dgm:spPr/>
    </dgm:pt>
    <dgm:pt modelId="{C745A536-EE7E-40F2-AEA8-363290B7B95C}" type="pres">
      <dgm:prSet presAssocID="{773A63B0-1D1E-451B-ACAE-A0A5BEB1F6C2}" presName="childText" presStyleLbl="conFgAcc1" presStyleIdx="4" presStyleCnt="6">
        <dgm:presLayoutVars>
          <dgm:bulletEnabled val="1"/>
        </dgm:presLayoutVars>
      </dgm:prSet>
      <dgm:spPr/>
    </dgm:pt>
    <dgm:pt modelId="{E5450678-3D2D-4DD7-AE0E-19A11397FEA6}" type="pres">
      <dgm:prSet presAssocID="{994E5D9B-E5E5-4122-BCE9-81AD88C29A4B}" presName="spaceBetweenRectangles" presStyleCnt="0"/>
      <dgm:spPr/>
    </dgm:pt>
    <dgm:pt modelId="{ADA37CDB-9928-46A0-8BE7-D518A9E13E60}" type="pres">
      <dgm:prSet presAssocID="{6609435E-C54A-4221-94A7-872EA62B8FD8}" presName="parentLin" presStyleCnt="0"/>
      <dgm:spPr/>
    </dgm:pt>
    <dgm:pt modelId="{9239C90A-4CF9-46D6-A2A7-3709ABACC9B9}" type="pres">
      <dgm:prSet presAssocID="{6609435E-C54A-4221-94A7-872EA62B8FD8}" presName="parentLeftMargin" presStyleLbl="node1" presStyleIdx="4" presStyleCnt="6"/>
      <dgm:spPr/>
    </dgm:pt>
    <dgm:pt modelId="{9AEFA7F6-9B1F-4D8E-A721-281DDA055315}" type="pres">
      <dgm:prSet presAssocID="{6609435E-C54A-4221-94A7-872EA62B8FD8}" presName="parentText" presStyleLbl="node1" presStyleIdx="5" presStyleCnt="6">
        <dgm:presLayoutVars>
          <dgm:chMax val="0"/>
          <dgm:bulletEnabled val="1"/>
        </dgm:presLayoutVars>
      </dgm:prSet>
      <dgm:spPr/>
    </dgm:pt>
    <dgm:pt modelId="{DF3A48B8-377E-47EF-841D-11B6BCFEBD46}" type="pres">
      <dgm:prSet presAssocID="{6609435E-C54A-4221-94A7-872EA62B8FD8}" presName="negativeSpace" presStyleCnt="0"/>
      <dgm:spPr/>
    </dgm:pt>
    <dgm:pt modelId="{80EF80D2-B369-400D-9DC6-765634E77C35}" type="pres">
      <dgm:prSet presAssocID="{6609435E-C54A-4221-94A7-872EA62B8FD8}" presName="childText" presStyleLbl="conFgAcc1" presStyleIdx="5" presStyleCnt="6">
        <dgm:presLayoutVars>
          <dgm:bulletEnabled val="1"/>
        </dgm:presLayoutVars>
      </dgm:prSet>
      <dgm:spPr/>
    </dgm:pt>
  </dgm:ptLst>
  <dgm:cxnLst>
    <dgm:cxn modelId="{615D4D3C-6E91-4265-9042-2CF087EE7504}" type="presOf" srcId="{639CD9AA-0185-43C5-81D9-945E5CE27880}" destId="{A31286B7-B4D6-4EC9-9D9E-D9E42D29ED99}" srcOrd="1" destOrd="0" presId="urn:microsoft.com/office/officeart/2005/8/layout/list1"/>
    <dgm:cxn modelId="{80055960-D13F-4E87-A88A-9021F6EFC791}" type="presOf" srcId="{6609435E-C54A-4221-94A7-872EA62B8FD8}" destId="{9AEFA7F6-9B1F-4D8E-A721-281DDA055315}" srcOrd="1" destOrd="0" presId="urn:microsoft.com/office/officeart/2005/8/layout/list1"/>
    <dgm:cxn modelId="{18E57863-2920-4C67-9820-EDAFB74E6800}" type="presOf" srcId="{8534A1C4-8E31-4DA6-B432-E1C1C1F717FE}" destId="{966AF056-B2E3-42C6-A506-A320F854324C}" srcOrd="0" destOrd="0" presId="urn:microsoft.com/office/officeart/2005/8/layout/list1"/>
    <dgm:cxn modelId="{F5776E6A-8AA1-4101-819F-A96CE6CD5E79}" type="presOf" srcId="{FD33003A-0BB0-4E6D-8020-B2EB1726BE46}" destId="{19FFF9D9-5DB7-47A6-A39B-4621C2EAC8C0}" srcOrd="0" destOrd="0" presId="urn:microsoft.com/office/officeart/2005/8/layout/list1"/>
    <dgm:cxn modelId="{55DB4153-5C1E-4B93-9451-7553FF939C13}" type="presOf" srcId="{6609435E-C54A-4221-94A7-872EA62B8FD8}" destId="{9239C90A-4CF9-46D6-A2A7-3709ABACC9B9}" srcOrd="0" destOrd="0" presId="urn:microsoft.com/office/officeart/2005/8/layout/list1"/>
    <dgm:cxn modelId="{FC6AC174-3C8A-44DD-9956-C5DEB3DC39D3}" srcId="{B5AE2C28-1AA6-4C09-BDC3-9DCAEF362FC3}" destId="{924C813F-C647-47DF-9DCE-133EF294A00A}" srcOrd="3" destOrd="0" parTransId="{3D056A07-BBB6-4443-97FE-49DD505869FF}" sibTransId="{DEF1FE9D-7E7C-420B-9144-2A0BED311C57}"/>
    <dgm:cxn modelId="{8D0FDB56-2586-4484-9D78-157A97CB4CE3}" type="presOf" srcId="{924C813F-C647-47DF-9DCE-133EF294A00A}" destId="{10775023-CC3E-47D9-A66B-F00F5978F07F}" srcOrd="0" destOrd="0" presId="urn:microsoft.com/office/officeart/2005/8/layout/list1"/>
    <dgm:cxn modelId="{151C2077-87C7-41F8-9090-9CF44B42D396}" type="presOf" srcId="{B5AE2C28-1AA6-4C09-BDC3-9DCAEF362FC3}" destId="{7A312B95-7A60-4A2A-80C3-0AC179775CDE}" srcOrd="0" destOrd="0" presId="urn:microsoft.com/office/officeart/2005/8/layout/list1"/>
    <dgm:cxn modelId="{CC2FC096-9241-479D-AD76-D4B9CC245E35}" type="presOf" srcId="{8534A1C4-8E31-4DA6-B432-E1C1C1F717FE}" destId="{31E7A430-72B4-40F8-9CBF-6F3CD22AB3DC}" srcOrd="1" destOrd="0" presId="urn:microsoft.com/office/officeart/2005/8/layout/list1"/>
    <dgm:cxn modelId="{1A67999D-D73A-4BA1-896E-B834002350A7}" type="presOf" srcId="{639CD9AA-0185-43C5-81D9-945E5CE27880}" destId="{2C6C3879-CF87-44F1-8DDA-49B76940493F}" srcOrd="0" destOrd="0" presId="urn:microsoft.com/office/officeart/2005/8/layout/list1"/>
    <dgm:cxn modelId="{B45D39A4-F0B9-4648-B9A0-A0F23DD428B3}" srcId="{B5AE2C28-1AA6-4C09-BDC3-9DCAEF362FC3}" destId="{FD33003A-0BB0-4E6D-8020-B2EB1726BE46}" srcOrd="1" destOrd="0" parTransId="{41394E30-D9C1-4B4A-99EB-01FF8E8C5447}" sibTransId="{086906C9-DC00-4A7A-9CD9-9E7C7A752147}"/>
    <dgm:cxn modelId="{426AE3CC-1D57-4256-B53E-26FF58CFC7EA}" type="presOf" srcId="{773A63B0-1D1E-451B-ACAE-A0A5BEB1F6C2}" destId="{4E97F6F3-E829-4858-B091-F1707FBE7E86}" srcOrd="0" destOrd="0" presId="urn:microsoft.com/office/officeart/2005/8/layout/list1"/>
    <dgm:cxn modelId="{0FE57BCF-0C95-465C-9090-FF99691E98DA}" srcId="{B5AE2C28-1AA6-4C09-BDC3-9DCAEF362FC3}" destId="{773A63B0-1D1E-451B-ACAE-A0A5BEB1F6C2}" srcOrd="4" destOrd="0" parTransId="{73148C4B-14CF-4179-BD4A-EC73FAE48287}" sibTransId="{994E5D9B-E5E5-4122-BCE9-81AD88C29A4B}"/>
    <dgm:cxn modelId="{279A0CD8-B57C-4600-A5D3-D5FF37439C6A}" srcId="{B5AE2C28-1AA6-4C09-BDC3-9DCAEF362FC3}" destId="{6609435E-C54A-4221-94A7-872EA62B8FD8}" srcOrd="5" destOrd="0" parTransId="{3D8ADFAD-5D0F-4C2E-A65B-58BEC29D1AB9}" sibTransId="{A57FD7E6-EA02-4ACF-A7C1-F00F7521A2C1}"/>
    <dgm:cxn modelId="{546F1CDF-FBFC-4644-BE3C-3473759A75B4}" type="presOf" srcId="{FD33003A-0BB0-4E6D-8020-B2EB1726BE46}" destId="{5B97F13B-4B4E-41E2-8D94-A83316392460}" srcOrd="1" destOrd="0" presId="urn:microsoft.com/office/officeart/2005/8/layout/list1"/>
    <dgm:cxn modelId="{148E64EA-29AC-4C6F-9583-8D33E2893DD5}" srcId="{B5AE2C28-1AA6-4C09-BDC3-9DCAEF362FC3}" destId="{639CD9AA-0185-43C5-81D9-945E5CE27880}" srcOrd="0" destOrd="0" parTransId="{427855BA-B1C7-4FCF-B71B-D6FB4E7BAC65}" sibTransId="{6AF1F817-E471-4774-B099-26EE17438BDE}"/>
    <dgm:cxn modelId="{E5C63CEC-C4A6-4367-8549-CF495BB6855B}" type="presOf" srcId="{924C813F-C647-47DF-9DCE-133EF294A00A}" destId="{3505E2D5-9E91-4F98-B3A8-66FE5E03CCA9}" srcOrd="1" destOrd="0" presId="urn:microsoft.com/office/officeart/2005/8/layout/list1"/>
    <dgm:cxn modelId="{403AEBF4-33C4-4549-A656-ADBFA3419E97}" srcId="{B5AE2C28-1AA6-4C09-BDC3-9DCAEF362FC3}" destId="{8534A1C4-8E31-4DA6-B432-E1C1C1F717FE}" srcOrd="2" destOrd="0" parTransId="{7EDE4ADF-588C-4C70-9849-E6646FB34800}" sibTransId="{0C5B4C16-EDF9-4E60-BE6D-857A2427A0C9}"/>
    <dgm:cxn modelId="{225DD1F8-3D28-459F-9E71-59CC6D095DB2}" type="presOf" srcId="{773A63B0-1D1E-451B-ACAE-A0A5BEB1F6C2}" destId="{8E649494-9456-404A-BCF1-F72FDAFBA2B1}" srcOrd="1" destOrd="0" presId="urn:microsoft.com/office/officeart/2005/8/layout/list1"/>
    <dgm:cxn modelId="{E9C8FA2F-45FA-4137-8846-143BB8AFD3A8}" type="presParOf" srcId="{7A312B95-7A60-4A2A-80C3-0AC179775CDE}" destId="{0A198CF9-3534-4F0C-BC8A-2E57D858AE57}" srcOrd="0" destOrd="0" presId="urn:microsoft.com/office/officeart/2005/8/layout/list1"/>
    <dgm:cxn modelId="{6F3A93B9-C9F6-4CF8-92AF-C0903C3A35DB}" type="presParOf" srcId="{0A198CF9-3534-4F0C-BC8A-2E57D858AE57}" destId="{2C6C3879-CF87-44F1-8DDA-49B76940493F}" srcOrd="0" destOrd="0" presId="urn:microsoft.com/office/officeart/2005/8/layout/list1"/>
    <dgm:cxn modelId="{30385372-398D-4E06-AA30-FF4EBE32A9D8}" type="presParOf" srcId="{0A198CF9-3534-4F0C-BC8A-2E57D858AE57}" destId="{A31286B7-B4D6-4EC9-9D9E-D9E42D29ED99}" srcOrd="1" destOrd="0" presId="urn:microsoft.com/office/officeart/2005/8/layout/list1"/>
    <dgm:cxn modelId="{57F16F02-18D2-4062-9F45-46B2F5372EC8}" type="presParOf" srcId="{7A312B95-7A60-4A2A-80C3-0AC179775CDE}" destId="{B1279AAC-A084-4D7C-A1E7-E4A34FEF1931}" srcOrd="1" destOrd="0" presId="urn:microsoft.com/office/officeart/2005/8/layout/list1"/>
    <dgm:cxn modelId="{AF72ECF2-04BA-44CE-BEE6-42EBB09C0E75}" type="presParOf" srcId="{7A312B95-7A60-4A2A-80C3-0AC179775CDE}" destId="{BEA4C4E4-5CC4-43DB-8CDA-6AE61F23286E}" srcOrd="2" destOrd="0" presId="urn:microsoft.com/office/officeart/2005/8/layout/list1"/>
    <dgm:cxn modelId="{E4EC932E-826E-416F-9982-DC1B427E9B63}" type="presParOf" srcId="{7A312B95-7A60-4A2A-80C3-0AC179775CDE}" destId="{48C74FBA-722C-4A43-A734-AD6C76A7ACD6}" srcOrd="3" destOrd="0" presId="urn:microsoft.com/office/officeart/2005/8/layout/list1"/>
    <dgm:cxn modelId="{694A699C-2A98-4626-8368-F9E4F81EAD98}" type="presParOf" srcId="{7A312B95-7A60-4A2A-80C3-0AC179775CDE}" destId="{C3A58903-1B9A-42E3-AB5D-C5EB41811AAB}" srcOrd="4" destOrd="0" presId="urn:microsoft.com/office/officeart/2005/8/layout/list1"/>
    <dgm:cxn modelId="{8E484094-AC1D-40C4-A834-8DE2A4BAFBA8}" type="presParOf" srcId="{C3A58903-1B9A-42E3-AB5D-C5EB41811AAB}" destId="{19FFF9D9-5DB7-47A6-A39B-4621C2EAC8C0}" srcOrd="0" destOrd="0" presId="urn:microsoft.com/office/officeart/2005/8/layout/list1"/>
    <dgm:cxn modelId="{32D5BE9D-93CC-4C56-B3C0-A44FC3A55DDA}" type="presParOf" srcId="{C3A58903-1B9A-42E3-AB5D-C5EB41811AAB}" destId="{5B97F13B-4B4E-41E2-8D94-A83316392460}" srcOrd="1" destOrd="0" presId="urn:microsoft.com/office/officeart/2005/8/layout/list1"/>
    <dgm:cxn modelId="{06037938-0F0B-435B-BD4E-55849A03793D}" type="presParOf" srcId="{7A312B95-7A60-4A2A-80C3-0AC179775CDE}" destId="{8772DF5E-516E-42D3-904E-0F6F7AFF9D70}" srcOrd="5" destOrd="0" presId="urn:microsoft.com/office/officeart/2005/8/layout/list1"/>
    <dgm:cxn modelId="{06CE4C7F-AD7D-4EFD-9FE5-63D6C7DE0A89}" type="presParOf" srcId="{7A312B95-7A60-4A2A-80C3-0AC179775CDE}" destId="{D2BD01C7-9AA6-40DD-9606-AFE281023FAD}" srcOrd="6" destOrd="0" presId="urn:microsoft.com/office/officeart/2005/8/layout/list1"/>
    <dgm:cxn modelId="{5E0DB091-B15A-484D-8BE3-9559EED045D6}" type="presParOf" srcId="{7A312B95-7A60-4A2A-80C3-0AC179775CDE}" destId="{E5531F6A-55D0-4A04-8A9E-C31B84D2B7F7}" srcOrd="7" destOrd="0" presId="urn:microsoft.com/office/officeart/2005/8/layout/list1"/>
    <dgm:cxn modelId="{D36FD3A7-FFD4-49FA-AC8C-EDCEA4E6C11D}" type="presParOf" srcId="{7A312B95-7A60-4A2A-80C3-0AC179775CDE}" destId="{E523A32A-4F45-48FA-B259-4B4B230D7DD4}" srcOrd="8" destOrd="0" presId="urn:microsoft.com/office/officeart/2005/8/layout/list1"/>
    <dgm:cxn modelId="{1CCC4A80-7A0E-4DA7-BEDA-37B4B42A1E5D}" type="presParOf" srcId="{E523A32A-4F45-48FA-B259-4B4B230D7DD4}" destId="{966AF056-B2E3-42C6-A506-A320F854324C}" srcOrd="0" destOrd="0" presId="urn:microsoft.com/office/officeart/2005/8/layout/list1"/>
    <dgm:cxn modelId="{D4A6CA75-F2C8-4C4A-B855-4044EB4FC1AC}" type="presParOf" srcId="{E523A32A-4F45-48FA-B259-4B4B230D7DD4}" destId="{31E7A430-72B4-40F8-9CBF-6F3CD22AB3DC}" srcOrd="1" destOrd="0" presId="urn:microsoft.com/office/officeart/2005/8/layout/list1"/>
    <dgm:cxn modelId="{CFB29A40-1228-4D5D-860F-E9E91CFD40C1}" type="presParOf" srcId="{7A312B95-7A60-4A2A-80C3-0AC179775CDE}" destId="{293EB28C-1EF4-4C90-8B9A-8AE88E837CA9}" srcOrd="9" destOrd="0" presId="urn:microsoft.com/office/officeart/2005/8/layout/list1"/>
    <dgm:cxn modelId="{CB19687B-E4EF-487C-8915-B73140CBD612}" type="presParOf" srcId="{7A312B95-7A60-4A2A-80C3-0AC179775CDE}" destId="{867E67DA-F647-4DBF-BA2C-1BAC7688FADC}" srcOrd="10" destOrd="0" presId="urn:microsoft.com/office/officeart/2005/8/layout/list1"/>
    <dgm:cxn modelId="{55C00B98-5803-4772-B03D-623566181A96}" type="presParOf" srcId="{7A312B95-7A60-4A2A-80C3-0AC179775CDE}" destId="{2CA70641-39E6-4FB7-B523-E833E1AC6FF7}" srcOrd="11" destOrd="0" presId="urn:microsoft.com/office/officeart/2005/8/layout/list1"/>
    <dgm:cxn modelId="{E3DD66DA-3AA2-4835-A0D6-397C43DD7D2F}" type="presParOf" srcId="{7A312B95-7A60-4A2A-80C3-0AC179775CDE}" destId="{EB15AF81-E03B-4567-8888-35C42F936923}" srcOrd="12" destOrd="0" presId="urn:microsoft.com/office/officeart/2005/8/layout/list1"/>
    <dgm:cxn modelId="{EE96E163-E755-40BC-BCA5-A022FF9D7E9B}" type="presParOf" srcId="{EB15AF81-E03B-4567-8888-35C42F936923}" destId="{10775023-CC3E-47D9-A66B-F00F5978F07F}" srcOrd="0" destOrd="0" presId="urn:microsoft.com/office/officeart/2005/8/layout/list1"/>
    <dgm:cxn modelId="{E35F4CE2-E8EB-48EC-8A34-5496AD204475}" type="presParOf" srcId="{EB15AF81-E03B-4567-8888-35C42F936923}" destId="{3505E2D5-9E91-4F98-B3A8-66FE5E03CCA9}" srcOrd="1" destOrd="0" presId="urn:microsoft.com/office/officeart/2005/8/layout/list1"/>
    <dgm:cxn modelId="{21F4B8DD-F38A-4156-81A3-170C6AB687F3}" type="presParOf" srcId="{7A312B95-7A60-4A2A-80C3-0AC179775CDE}" destId="{48FBD6FF-E77C-4ABE-87CF-21D99E71F0C8}" srcOrd="13" destOrd="0" presId="urn:microsoft.com/office/officeart/2005/8/layout/list1"/>
    <dgm:cxn modelId="{A777FF9C-E2D7-4F80-9565-5CC17E61C25E}" type="presParOf" srcId="{7A312B95-7A60-4A2A-80C3-0AC179775CDE}" destId="{FB45A2F2-BC09-4169-B6B9-24A037A29653}" srcOrd="14" destOrd="0" presId="urn:microsoft.com/office/officeart/2005/8/layout/list1"/>
    <dgm:cxn modelId="{69D774CE-11E1-4375-A9ED-952F57AF4EF8}" type="presParOf" srcId="{7A312B95-7A60-4A2A-80C3-0AC179775CDE}" destId="{2BC8F18A-72E6-4135-9294-1362F296699C}" srcOrd="15" destOrd="0" presId="urn:microsoft.com/office/officeart/2005/8/layout/list1"/>
    <dgm:cxn modelId="{8E0FA4E8-92A3-4E57-B0CD-A37C7A9D7722}" type="presParOf" srcId="{7A312B95-7A60-4A2A-80C3-0AC179775CDE}" destId="{6A9F79DA-0F16-47F0-9DCD-F8CB5DC4511C}" srcOrd="16" destOrd="0" presId="urn:microsoft.com/office/officeart/2005/8/layout/list1"/>
    <dgm:cxn modelId="{1FBC8FCC-E7B9-40F9-B57C-514F52A7BD0B}" type="presParOf" srcId="{6A9F79DA-0F16-47F0-9DCD-F8CB5DC4511C}" destId="{4E97F6F3-E829-4858-B091-F1707FBE7E86}" srcOrd="0" destOrd="0" presId="urn:microsoft.com/office/officeart/2005/8/layout/list1"/>
    <dgm:cxn modelId="{E86082C8-3DA9-46E9-B29C-7E3DEAAD0EDC}" type="presParOf" srcId="{6A9F79DA-0F16-47F0-9DCD-F8CB5DC4511C}" destId="{8E649494-9456-404A-BCF1-F72FDAFBA2B1}" srcOrd="1" destOrd="0" presId="urn:microsoft.com/office/officeart/2005/8/layout/list1"/>
    <dgm:cxn modelId="{2B1F35BB-9B3E-4B5F-8069-37CDF5C58BCE}" type="presParOf" srcId="{7A312B95-7A60-4A2A-80C3-0AC179775CDE}" destId="{5A8E44C2-932D-46A7-BBB9-72A9DC7080F5}" srcOrd="17" destOrd="0" presId="urn:microsoft.com/office/officeart/2005/8/layout/list1"/>
    <dgm:cxn modelId="{787DF0DE-A67E-4808-8A8E-8482BCB444B9}" type="presParOf" srcId="{7A312B95-7A60-4A2A-80C3-0AC179775CDE}" destId="{C745A536-EE7E-40F2-AEA8-363290B7B95C}" srcOrd="18" destOrd="0" presId="urn:microsoft.com/office/officeart/2005/8/layout/list1"/>
    <dgm:cxn modelId="{8616840A-8A25-483B-BBB3-B93E3FEB63A9}" type="presParOf" srcId="{7A312B95-7A60-4A2A-80C3-0AC179775CDE}" destId="{E5450678-3D2D-4DD7-AE0E-19A11397FEA6}" srcOrd="19" destOrd="0" presId="urn:microsoft.com/office/officeart/2005/8/layout/list1"/>
    <dgm:cxn modelId="{B59AAEE8-0346-40F3-9A3F-E5FB4E92B0B5}" type="presParOf" srcId="{7A312B95-7A60-4A2A-80C3-0AC179775CDE}" destId="{ADA37CDB-9928-46A0-8BE7-D518A9E13E60}" srcOrd="20" destOrd="0" presId="urn:microsoft.com/office/officeart/2005/8/layout/list1"/>
    <dgm:cxn modelId="{B1BF1123-C72A-4FCA-A1F0-29BB12DEA08C}" type="presParOf" srcId="{ADA37CDB-9928-46A0-8BE7-D518A9E13E60}" destId="{9239C90A-4CF9-46D6-A2A7-3709ABACC9B9}" srcOrd="0" destOrd="0" presId="urn:microsoft.com/office/officeart/2005/8/layout/list1"/>
    <dgm:cxn modelId="{7E0C6FFA-09DA-4768-A1E9-4BCC8CE54D3A}" type="presParOf" srcId="{ADA37CDB-9928-46A0-8BE7-D518A9E13E60}" destId="{9AEFA7F6-9B1F-4D8E-A721-281DDA055315}" srcOrd="1" destOrd="0" presId="urn:microsoft.com/office/officeart/2005/8/layout/list1"/>
    <dgm:cxn modelId="{C7232774-4924-46C6-A3E3-07FB3D9301A6}" type="presParOf" srcId="{7A312B95-7A60-4A2A-80C3-0AC179775CDE}" destId="{DF3A48B8-377E-47EF-841D-11B6BCFEBD46}" srcOrd="21" destOrd="0" presId="urn:microsoft.com/office/officeart/2005/8/layout/list1"/>
    <dgm:cxn modelId="{D329812B-679B-42C9-BD63-4D7FA3A6FDA7}" type="presParOf" srcId="{7A312B95-7A60-4A2A-80C3-0AC179775CDE}" destId="{80EF80D2-B369-400D-9DC6-765634E77C35}" srcOrd="22" destOrd="0" presId="urn:microsoft.com/office/officeart/2005/8/layout/lis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FEAB63C-0CA7-4F8F-8FE2-8109D6934409}" type="doc">
      <dgm:prSet loTypeId="urn:microsoft.com/office/officeart/2005/8/layout/hProcess9" loCatId="process" qsTypeId="urn:microsoft.com/office/officeart/2005/8/quickstyle/simple1" qsCatId="simple" csTypeId="urn:microsoft.com/office/officeart/2005/8/colors/colorful1" csCatId="colorful" phldr="1"/>
      <dgm:spPr/>
    </dgm:pt>
    <dgm:pt modelId="{522EB199-325A-489F-952C-BDEAD9082C13}">
      <dgm:prSet phldrT="[Text]"/>
      <dgm:spPr/>
      <dgm:t>
        <a:bodyPr/>
        <a:lstStyle/>
        <a:p>
          <a:r>
            <a:rPr lang="en-CA" dirty="0"/>
            <a:t>Download the data set | Import libraries</a:t>
          </a:r>
          <a:endParaRPr lang="pt-BR" dirty="0"/>
        </a:p>
      </dgm:t>
    </dgm:pt>
    <dgm:pt modelId="{E4F4E2E4-1F4B-4F9E-9327-3D26A2F74B62}" type="parTrans" cxnId="{C2ADED96-E3A0-42FB-B122-7460B01F7276}">
      <dgm:prSet/>
      <dgm:spPr/>
      <dgm:t>
        <a:bodyPr/>
        <a:lstStyle/>
        <a:p>
          <a:endParaRPr lang="pt-BR"/>
        </a:p>
      </dgm:t>
    </dgm:pt>
    <dgm:pt modelId="{413B099A-8449-40A0-825D-D1EDD7EA576B}" type="sibTrans" cxnId="{C2ADED96-E3A0-42FB-B122-7460B01F7276}">
      <dgm:prSet/>
      <dgm:spPr/>
      <dgm:t>
        <a:bodyPr/>
        <a:lstStyle/>
        <a:p>
          <a:endParaRPr lang="pt-BR"/>
        </a:p>
      </dgm:t>
    </dgm:pt>
    <dgm:pt modelId="{65540625-ECCD-495F-B1D0-69CFA6F0409F}">
      <dgm:prSet phldrT="[Text]"/>
      <dgm:spPr/>
      <dgm:t>
        <a:bodyPr/>
        <a:lstStyle/>
        <a:p>
          <a:r>
            <a:rPr lang="en-CA" dirty="0"/>
            <a:t>ETL | Cleaning the data (duplicates, null values, remove HTML tags, special characters, convert everything to lowercase, etc.)</a:t>
          </a:r>
          <a:endParaRPr lang="pt-BR" dirty="0"/>
        </a:p>
      </dgm:t>
    </dgm:pt>
    <dgm:pt modelId="{FDAFCCCB-E207-4C35-8E31-2423B31732AD}" type="parTrans" cxnId="{C09B3882-6319-4A7D-B6E1-560E34DABE19}">
      <dgm:prSet/>
      <dgm:spPr/>
      <dgm:t>
        <a:bodyPr/>
        <a:lstStyle/>
        <a:p>
          <a:endParaRPr lang="pt-BR"/>
        </a:p>
      </dgm:t>
    </dgm:pt>
    <dgm:pt modelId="{73208616-DF88-40C6-878B-11BE2F3F2A70}" type="sibTrans" cxnId="{C09B3882-6319-4A7D-B6E1-560E34DABE19}">
      <dgm:prSet/>
      <dgm:spPr/>
      <dgm:t>
        <a:bodyPr/>
        <a:lstStyle/>
        <a:p>
          <a:endParaRPr lang="pt-BR"/>
        </a:p>
      </dgm:t>
    </dgm:pt>
    <dgm:pt modelId="{781DF254-B1D1-4265-82D8-0F565708CABE}">
      <dgm:prSet phldrT="[Text]"/>
      <dgm:spPr/>
      <dgm:t>
        <a:bodyPr/>
        <a:lstStyle/>
        <a:p>
          <a:r>
            <a:rPr lang="en-CA" dirty="0"/>
            <a:t>ML Coding &amp; Create the model </a:t>
          </a:r>
          <a:endParaRPr lang="pt-BR" dirty="0"/>
        </a:p>
      </dgm:t>
    </dgm:pt>
    <dgm:pt modelId="{A2818221-DA1A-46DF-8C21-ADC1E1065414}" type="parTrans" cxnId="{B3F18443-67C6-4501-AF76-E8F102B5271B}">
      <dgm:prSet/>
      <dgm:spPr/>
      <dgm:t>
        <a:bodyPr/>
        <a:lstStyle/>
        <a:p>
          <a:endParaRPr lang="pt-BR"/>
        </a:p>
      </dgm:t>
    </dgm:pt>
    <dgm:pt modelId="{6492229F-82C4-4444-85A6-2F968404AF94}" type="sibTrans" cxnId="{B3F18443-67C6-4501-AF76-E8F102B5271B}">
      <dgm:prSet/>
      <dgm:spPr/>
      <dgm:t>
        <a:bodyPr/>
        <a:lstStyle/>
        <a:p>
          <a:endParaRPr lang="pt-BR"/>
        </a:p>
      </dgm:t>
    </dgm:pt>
    <dgm:pt modelId="{32ED1150-D78C-4280-AE12-6BAEE93B92A8}">
      <dgm:prSet/>
      <dgm:spPr/>
      <dgm:t>
        <a:bodyPr/>
        <a:lstStyle/>
        <a:p>
          <a:r>
            <a:rPr lang="en-CA" dirty="0"/>
            <a:t>Output &amp; Train test split</a:t>
          </a:r>
          <a:endParaRPr lang="pt-BR" dirty="0"/>
        </a:p>
      </dgm:t>
    </dgm:pt>
    <dgm:pt modelId="{CD77D90D-642C-4338-870A-E29C24671B75}" type="parTrans" cxnId="{9E870A9F-7AE7-4FFA-8EC2-A10605AB5880}">
      <dgm:prSet/>
      <dgm:spPr/>
      <dgm:t>
        <a:bodyPr/>
        <a:lstStyle/>
        <a:p>
          <a:endParaRPr lang="pt-BR"/>
        </a:p>
      </dgm:t>
    </dgm:pt>
    <dgm:pt modelId="{D01377AB-B9F1-4EB7-BB59-C6438F7254C9}" type="sibTrans" cxnId="{9E870A9F-7AE7-4FFA-8EC2-A10605AB5880}">
      <dgm:prSet/>
      <dgm:spPr/>
      <dgm:t>
        <a:bodyPr/>
        <a:lstStyle/>
        <a:p>
          <a:endParaRPr lang="pt-BR"/>
        </a:p>
      </dgm:t>
    </dgm:pt>
    <dgm:pt modelId="{56126EB5-F485-42E1-91B3-D99259E5C4EE}">
      <dgm:prSet/>
      <dgm:spPr/>
      <dgm:t>
        <a:bodyPr/>
        <a:lstStyle/>
        <a:p>
          <a:r>
            <a:rPr lang="en-CA" dirty="0"/>
            <a:t>Defining the model and training</a:t>
          </a:r>
          <a:endParaRPr lang="pt-BR" dirty="0"/>
        </a:p>
      </dgm:t>
    </dgm:pt>
    <dgm:pt modelId="{E51670E3-DF6F-436A-AACA-EE787071C194}" type="parTrans" cxnId="{B95FCB7D-7593-4592-8489-962E8A6871BC}">
      <dgm:prSet/>
      <dgm:spPr/>
      <dgm:t>
        <a:bodyPr/>
        <a:lstStyle/>
        <a:p>
          <a:endParaRPr lang="pt-BR"/>
        </a:p>
      </dgm:t>
    </dgm:pt>
    <dgm:pt modelId="{9BA8FDA5-BC05-42D0-B4E5-EA2F3B838165}" type="sibTrans" cxnId="{B95FCB7D-7593-4592-8489-962E8A6871BC}">
      <dgm:prSet/>
      <dgm:spPr/>
      <dgm:t>
        <a:bodyPr/>
        <a:lstStyle/>
        <a:p>
          <a:endParaRPr lang="pt-BR"/>
        </a:p>
      </dgm:t>
    </dgm:pt>
    <dgm:pt modelId="{6734D984-968D-4B67-A2E7-FFCB5CC1491A}">
      <dgm:prSet/>
      <dgm:spPr/>
      <dgm:t>
        <a:bodyPr/>
        <a:lstStyle/>
        <a:p>
          <a:r>
            <a:rPr lang="en-CA" dirty="0"/>
            <a:t>Prediction and accuracy metrics to choose the best model</a:t>
          </a:r>
          <a:endParaRPr lang="pt-BR" dirty="0"/>
        </a:p>
      </dgm:t>
    </dgm:pt>
    <dgm:pt modelId="{CD2A314A-8FB1-4958-A1D9-D176759B7C0C}" type="parTrans" cxnId="{B2766F0C-BBAB-4C73-857C-4B5F579F5310}">
      <dgm:prSet/>
      <dgm:spPr/>
      <dgm:t>
        <a:bodyPr/>
        <a:lstStyle/>
        <a:p>
          <a:endParaRPr lang="pt-BR"/>
        </a:p>
      </dgm:t>
    </dgm:pt>
    <dgm:pt modelId="{34D76184-F993-4D2C-B635-A5A1918E9BB2}" type="sibTrans" cxnId="{B2766F0C-BBAB-4C73-857C-4B5F579F5310}">
      <dgm:prSet/>
      <dgm:spPr/>
      <dgm:t>
        <a:bodyPr/>
        <a:lstStyle/>
        <a:p>
          <a:endParaRPr lang="pt-BR"/>
        </a:p>
      </dgm:t>
    </dgm:pt>
    <dgm:pt modelId="{9F07F713-7F52-4FA2-94D9-3D201CD51CD6}">
      <dgm:prSet/>
      <dgm:spPr/>
      <dgm:t>
        <a:bodyPr/>
        <a:lstStyle/>
        <a:p>
          <a:r>
            <a:rPr lang="en-CA" dirty="0"/>
            <a:t>Statistical Analysis &amp; Data Analysis findings</a:t>
          </a:r>
          <a:endParaRPr lang="pt-BR" dirty="0"/>
        </a:p>
      </dgm:t>
    </dgm:pt>
    <dgm:pt modelId="{B714F6A8-965A-4E75-B6E9-359C34052B8F}" type="parTrans" cxnId="{EE73BB3F-7BCF-46B3-B414-59FC61C155A6}">
      <dgm:prSet/>
      <dgm:spPr/>
      <dgm:t>
        <a:bodyPr/>
        <a:lstStyle/>
        <a:p>
          <a:endParaRPr lang="pt-BR"/>
        </a:p>
      </dgm:t>
    </dgm:pt>
    <dgm:pt modelId="{E7C841F3-7BED-4893-9053-05F7A37BF86B}" type="sibTrans" cxnId="{EE73BB3F-7BCF-46B3-B414-59FC61C155A6}">
      <dgm:prSet/>
      <dgm:spPr/>
      <dgm:t>
        <a:bodyPr/>
        <a:lstStyle/>
        <a:p>
          <a:endParaRPr lang="pt-BR"/>
        </a:p>
      </dgm:t>
    </dgm:pt>
    <dgm:pt modelId="{3777F3DD-8935-45A1-B807-1DE4B1969C47}" type="pres">
      <dgm:prSet presAssocID="{CFEAB63C-0CA7-4F8F-8FE2-8109D6934409}" presName="CompostProcess" presStyleCnt="0">
        <dgm:presLayoutVars>
          <dgm:dir/>
          <dgm:resizeHandles val="exact"/>
        </dgm:presLayoutVars>
      </dgm:prSet>
      <dgm:spPr/>
    </dgm:pt>
    <dgm:pt modelId="{B756DD7B-BA46-4F40-A89A-BB5F9ED98ED2}" type="pres">
      <dgm:prSet presAssocID="{CFEAB63C-0CA7-4F8F-8FE2-8109D6934409}" presName="arrow" presStyleLbl="bgShp" presStyleIdx="0" presStyleCnt="1"/>
      <dgm:spPr/>
    </dgm:pt>
    <dgm:pt modelId="{32D2A29D-8C7C-4672-A080-3820D1D78AD0}" type="pres">
      <dgm:prSet presAssocID="{CFEAB63C-0CA7-4F8F-8FE2-8109D6934409}" presName="linearProcess" presStyleCnt="0"/>
      <dgm:spPr/>
    </dgm:pt>
    <dgm:pt modelId="{D729B9E1-3950-4E32-AF9A-F38AFEEEBAC0}" type="pres">
      <dgm:prSet presAssocID="{522EB199-325A-489F-952C-BDEAD9082C13}" presName="textNode" presStyleLbl="node1" presStyleIdx="0" presStyleCnt="7">
        <dgm:presLayoutVars>
          <dgm:bulletEnabled val="1"/>
        </dgm:presLayoutVars>
      </dgm:prSet>
      <dgm:spPr/>
    </dgm:pt>
    <dgm:pt modelId="{56312A2B-C586-4101-B10D-287A5D4749A7}" type="pres">
      <dgm:prSet presAssocID="{413B099A-8449-40A0-825D-D1EDD7EA576B}" presName="sibTrans" presStyleCnt="0"/>
      <dgm:spPr/>
    </dgm:pt>
    <dgm:pt modelId="{CFFAEF92-D4BF-430D-9288-ABDD22CC3432}" type="pres">
      <dgm:prSet presAssocID="{65540625-ECCD-495F-B1D0-69CFA6F0409F}" presName="textNode" presStyleLbl="node1" presStyleIdx="1" presStyleCnt="7">
        <dgm:presLayoutVars>
          <dgm:bulletEnabled val="1"/>
        </dgm:presLayoutVars>
      </dgm:prSet>
      <dgm:spPr/>
    </dgm:pt>
    <dgm:pt modelId="{DA9069C2-2CD0-41FA-B498-1EC47B341BA5}" type="pres">
      <dgm:prSet presAssocID="{73208616-DF88-40C6-878B-11BE2F3F2A70}" presName="sibTrans" presStyleCnt="0"/>
      <dgm:spPr/>
    </dgm:pt>
    <dgm:pt modelId="{1CB57422-7EAB-4BD2-B7D4-AD5109C4967D}" type="pres">
      <dgm:prSet presAssocID="{781DF254-B1D1-4265-82D8-0F565708CABE}" presName="textNode" presStyleLbl="node1" presStyleIdx="2" presStyleCnt="7">
        <dgm:presLayoutVars>
          <dgm:bulletEnabled val="1"/>
        </dgm:presLayoutVars>
      </dgm:prSet>
      <dgm:spPr/>
    </dgm:pt>
    <dgm:pt modelId="{CDF52E09-A22B-4E52-B611-D8B3234ECD36}" type="pres">
      <dgm:prSet presAssocID="{6492229F-82C4-4444-85A6-2F968404AF94}" presName="sibTrans" presStyleCnt="0"/>
      <dgm:spPr/>
    </dgm:pt>
    <dgm:pt modelId="{E74F8F85-FC1D-43E2-93ED-D8DEAF1AD3F3}" type="pres">
      <dgm:prSet presAssocID="{32ED1150-D78C-4280-AE12-6BAEE93B92A8}" presName="textNode" presStyleLbl="node1" presStyleIdx="3" presStyleCnt="7">
        <dgm:presLayoutVars>
          <dgm:bulletEnabled val="1"/>
        </dgm:presLayoutVars>
      </dgm:prSet>
      <dgm:spPr/>
    </dgm:pt>
    <dgm:pt modelId="{8A558CEF-FBAC-4988-A721-74351FB0112F}" type="pres">
      <dgm:prSet presAssocID="{D01377AB-B9F1-4EB7-BB59-C6438F7254C9}" presName="sibTrans" presStyleCnt="0"/>
      <dgm:spPr/>
    </dgm:pt>
    <dgm:pt modelId="{4DF39A29-09F1-441E-835C-FB86A1343A29}" type="pres">
      <dgm:prSet presAssocID="{56126EB5-F485-42E1-91B3-D99259E5C4EE}" presName="textNode" presStyleLbl="node1" presStyleIdx="4" presStyleCnt="7">
        <dgm:presLayoutVars>
          <dgm:bulletEnabled val="1"/>
        </dgm:presLayoutVars>
      </dgm:prSet>
      <dgm:spPr/>
    </dgm:pt>
    <dgm:pt modelId="{0A7E09D6-E749-4E33-8DE1-00B1F58B07D6}" type="pres">
      <dgm:prSet presAssocID="{9BA8FDA5-BC05-42D0-B4E5-EA2F3B838165}" presName="sibTrans" presStyleCnt="0"/>
      <dgm:spPr/>
    </dgm:pt>
    <dgm:pt modelId="{9F831D14-084A-48DF-BAA2-CF99C263CE15}" type="pres">
      <dgm:prSet presAssocID="{6734D984-968D-4B67-A2E7-FFCB5CC1491A}" presName="textNode" presStyleLbl="node1" presStyleIdx="5" presStyleCnt="7">
        <dgm:presLayoutVars>
          <dgm:bulletEnabled val="1"/>
        </dgm:presLayoutVars>
      </dgm:prSet>
      <dgm:spPr/>
    </dgm:pt>
    <dgm:pt modelId="{261B8A8E-70AF-45ED-8A1E-39E1F05357A0}" type="pres">
      <dgm:prSet presAssocID="{34D76184-F993-4D2C-B635-A5A1918E9BB2}" presName="sibTrans" presStyleCnt="0"/>
      <dgm:spPr/>
    </dgm:pt>
    <dgm:pt modelId="{0D53421C-9384-4DCD-AC12-69C96D64EFC3}" type="pres">
      <dgm:prSet presAssocID="{9F07F713-7F52-4FA2-94D9-3D201CD51CD6}" presName="textNode" presStyleLbl="node1" presStyleIdx="6" presStyleCnt="7">
        <dgm:presLayoutVars>
          <dgm:bulletEnabled val="1"/>
        </dgm:presLayoutVars>
      </dgm:prSet>
      <dgm:spPr/>
    </dgm:pt>
  </dgm:ptLst>
  <dgm:cxnLst>
    <dgm:cxn modelId="{B2766F0C-BBAB-4C73-857C-4B5F579F5310}" srcId="{CFEAB63C-0CA7-4F8F-8FE2-8109D6934409}" destId="{6734D984-968D-4B67-A2E7-FFCB5CC1491A}" srcOrd="5" destOrd="0" parTransId="{CD2A314A-8FB1-4958-A1D9-D176759B7C0C}" sibTransId="{34D76184-F993-4D2C-B635-A5A1918E9BB2}"/>
    <dgm:cxn modelId="{EE73BB3F-7BCF-46B3-B414-59FC61C155A6}" srcId="{CFEAB63C-0CA7-4F8F-8FE2-8109D6934409}" destId="{9F07F713-7F52-4FA2-94D9-3D201CD51CD6}" srcOrd="6" destOrd="0" parTransId="{B714F6A8-965A-4E75-B6E9-359C34052B8F}" sibTransId="{E7C841F3-7BED-4893-9053-05F7A37BF86B}"/>
    <dgm:cxn modelId="{1DE0B35B-2B18-4E1F-A8C7-F53295690C58}" type="presOf" srcId="{6734D984-968D-4B67-A2E7-FFCB5CC1491A}" destId="{9F831D14-084A-48DF-BAA2-CF99C263CE15}" srcOrd="0" destOrd="0" presId="urn:microsoft.com/office/officeart/2005/8/layout/hProcess9"/>
    <dgm:cxn modelId="{B3F18443-67C6-4501-AF76-E8F102B5271B}" srcId="{CFEAB63C-0CA7-4F8F-8FE2-8109D6934409}" destId="{781DF254-B1D1-4265-82D8-0F565708CABE}" srcOrd="2" destOrd="0" parTransId="{A2818221-DA1A-46DF-8C21-ADC1E1065414}" sibTransId="{6492229F-82C4-4444-85A6-2F968404AF94}"/>
    <dgm:cxn modelId="{28A18D53-AD9A-426F-9069-8D8660AA88F5}" type="presOf" srcId="{781DF254-B1D1-4265-82D8-0F565708CABE}" destId="{1CB57422-7EAB-4BD2-B7D4-AD5109C4967D}" srcOrd="0" destOrd="0" presId="urn:microsoft.com/office/officeart/2005/8/layout/hProcess9"/>
    <dgm:cxn modelId="{B95FCB7D-7593-4592-8489-962E8A6871BC}" srcId="{CFEAB63C-0CA7-4F8F-8FE2-8109D6934409}" destId="{56126EB5-F485-42E1-91B3-D99259E5C4EE}" srcOrd="4" destOrd="0" parTransId="{E51670E3-DF6F-436A-AACA-EE787071C194}" sibTransId="{9BA8FDA5-BC05-42D0-B4E5-EA2F3B838165}"/>
    <dgm:cxn modelId="{EF436A81-9AF7-441C-8345-5D01B5540C5B}" type="presOf" srcId="{9F07F713-7F52-4FA2-94D9-3D201CD51CD6}" destId="{0D53421C-9384-4DCD-AC12-69C96D64EFC3}" srcOrd="0" destOrd="0" presId="urn:microsoft.com/office/officeart/2005/8/layout/hProcess9"/>
    <dgm:cxn modelId="{C09B3882-6319-4A7D-B6E1-560E34DABE19}" srcId="{CFEAB63C-0CA7-4F8F-8FE2-8109D6934409}" destId="{65540625-ECCD-495F-B1D0-69CFA6F0409F}" srcOrd="1" destOrd="0" parTransId="{FDAFCCCB-E207-4C35-8E31-2423B31732AD}" sibTransId="{73208616-DF88-40C6-878B-11BE2F3F2A70}"/>
    <dgm:cxn modelId="{C2ADED96-E3A0-42FB-B122-7460B01F7276}" srcId="{CFEAB63C-0CA7-4F8F-8FE2-8109D6934409}" destId="{522EB199-325A-489F-952C-BDEAD9082C13}" srcOrd="0" destOrd="0" parTransId="{E4F4E2E4-1F4B-4F9E-9327-3D26A2F74B62}" sibTransId="{413B099A-8449-40A0-825D-D1EDD7EA576B}"/>
    <dgm:cxn modelId="{9E870A9F-7AE7-4FFA-8EC2-A10605AB5880}" srcId="{CFEAB63C-0CA7-4F8F-8FE2-8109D6934409}" destId="{32ED1150-D78C-4280-AE12-6BAEE93B92A8}" srcOrd="3" destOrd="0" parTransId="{CD77D90D-642C-4338-870A-E29C24671B75}" sibTransId="{D01377AB-B9F1-4EB7-BB59-C6438F7254C9}"/>
    <dgm:cxn modelId="{E44F73A2-AC0C-40C2-B1A3-D387481F4C16}" type="presOf" srcId="{56126EB5-F485-42E1-91B3-D99259E5C4EE}" destId="{4DF39A29-09F1-441E-835C-FB86A1343A29}" srcOrd="0" destOrd="0" presId="urn:microsoft.com/office/officeart/2005/8/layout/hProcess9"/>
    <dgm:cxn modelId="{6065E6B3-93EA-4F12-B2A9-428867274478}" type="presOf" srcId="{522EB199-325A-489F-952C-BDEAD9082C13}" destId="{D729B9E1-3950-4E32-AF9A-F38AFEEEBAC0}" srcOrd="0" destOrd="0" presId="urn:microsoft.com/office/officeart/2005/8/layout/hProcess9"/>
    <dgm:cxn modelId="{F8DA38D4-5054-42E5-84CB-87319B4E77D8}" type="presOf" srcId="{32ED1150-D78C-4280-AE12-6BAEE93B92A8}" destId="{E74F8F85-FC1D-43E2-93ED-D8DEAF1AD3F3}" srcOrd="0" destOrd="0" presId="urn:microsoft.com/office/officeart/2005/8/layout/hProcess9"/>
    <dgm:cxn modelId="{49851FE2-8142-46C9-A01B-962ADCB21C6C}" type="presOf" srcId="{65540625-ECCD-495F-B1D0-69CFA6F0409F}" destId="{CFFAEF92-D4BF-430D-9288-ABDD22CC3432}" srcOrd="0" destOrd="0" presId="urn:microsoft.com/office/officeart/2005/8/layout/hProcess9"/>
    <dgm:cxn modelId="{B5C74FE6-B07C-4F63-8192-77F7FDA37952}" type="presOf" srcId="{CFEAB63C-0CA7-4F8F-8FE2-8109D6934409}" destId="{3777F3DD-8935-45A1-B807-1DE4B1969C47}" srcOrd="0" destOrd="0" presId="urn:microsoft.com/office/officeart/2005/8/layout/hProcess9"/>
    <dgm:cxn modelId="{3BD8A86D-87D4-4989-BEEB-878BD92B90CE}" type="presParOf" srcId="{3777F3DD-8935-45A1-B807-1DE4B1969C47}" destId="{B756DD7B-BA46-4F40-A89A-BB5F9ED98ED2}" srcOrd="0" destOrd="0" presId="urn:microsoft.com/office/officeart/2005/8/layout/hProcess9"/>
    <dgm:cxn modelId="{281E0279-3946-4B8A-8351-43E6BEB141C5}" type="presParOf" srcId="{3777F3DD-8935-45A1-B807-1DE4B1969C47}" destId="{32D2A29D-8C7C-4672-A080-3820D1D78AD0}" srcOrd="1" destOrd="0" presId="urn:microsoft.com/office/officeart/2005/8/layout/hProcess9"/>
    <dgm:cxn modelId="{1390B8B3-93C4-444F-8040-C7696A2BDB44}" type="presParOf" srcId="{32D2A29D-8C7C-4672-A080-3820D1D78AD0}" destId="{D729B9E1-3950-4E32-AF9A-F38AFEEEBAC0}" srcOrd="0" destOrd="0" presId="urn:microsoft.com/office/officeart/2005/8/layout/hProcess9"/>
    <dgm:cxn modelId="{2103BB74-6D6E-413F-81D2-195D9A4144DB}" type="presParOf" srcId="{32D2A29D-8C7C-4672-A080-3820D1D78AD0}" destId="{56312A2B-C586-4101-B10D-287A5D4749A7}" srcOrd="1" destOrd="0" presId="urn:microsoft.com/office/officeart/2005/8/layout/hProcess9"/>
    <dgm:cxn modelId="{710F0F81-20EA-4FA8-ADC9-0A1CC8AFED5E}" type="presParOf" srcId="{32D2A29D-8C7C-4672-A080-3820D1D78AD0}" destId="{CFFAEF92-D4BF-430D-9288-ABDD22CC3432}" srcOrd="2" destOrd="0" presId="urn:microsoft.com/office/officeart/2005/8/layout/hProcess9"/>
    <dgm:cxn modelId="{ED7445F1-FF10-4BF6-8291-D3DABF150DA6}" type="presParOf" srcId="{32D2A29D-8C7C-4672-A080-3820D1D78AD0}" destId="{DA9069C2-2CD0-41FA-B498-1EC47B341BA5}" srcOrd="3" destOrd="0" presId="urn:microsoft.com/office/officeart/2005/8/layout/hProcess9"/>
    <dgm:cxn modelId="{1F644889-869A-4E82-BBEB-9E62C8066ED6}" type="presParOf" srcId="{32D2A29D-8C7C-4672-A080-3820D1D78AD0}" destId="{1CB57422-7EAB-4BD2-B7D4-AD5109C4967D}" srcOrd="4" destOrd="0" presId="urn:microsoft.com/office/officeart/2005/8/layout/hProcess9"/>
    <dgm:cxn modelId="{E1CD4EC9-14C2-46EC-8B0F-EA8B2F20AE5B}" type="presParOf" srcId="{32D2A29D-8C7C-4672-A080-3820D1D78AD0}" destId="{CDF52E09-A22B-4E52-B611-D8B3234ECD36}" srcOrd="5" destOrd="0" presId="urn:microsoft.com/office/officeart/2005/8/layout/hProcess9"/>
    <dgm:cxn modelId="{E3AAE162-D293-446F-8F91-040BDE789164}" type="presParOf" srcId="{32D2A29D-8C7C-4672-A080-3820D1D78AD0}" destId="{E74F8F85-FC1D-43E2-93ED-D8DEAF1AD3F3}" srcOrd="6" destOrd="0" presId="urn:microsoft.com/office/officeart/2005/8/layout/hProcess9"/>
    <dgm:cxn modelId="{461D6DA9-F13F-4B8D-9D74-CD1268E1ABE2}" type="presParOf" srcId="{32D2A29D-8C7C-4672-A080-3820D1D78AD0}" destId="{8A558CEF-FBAC-4988-A721-74351FB0112F}" srcOrd="7" destOrd="0" presId="urn:microsoft.com/office/officeart/2005/8/layout/hProcess9"/>
    <dgm:cxn modelId="{49A405BE-A062-492B-A772-D8FDB24CF2AF}" type="presParOf" srcId="{32D2A29D-8C7C-4672-A080-3820D1D78AD0}" destId="{4DF39A29-09F1-441E-835C-FB86A1343A29}" srcOrd="8" destOrd="0" presId="urn:microsoft.com/office/officeart/2005/8/layout/hProcess9"/>
    <dgm:cxn modelId="{1E73BCC0-5F04-4715-994B-D8C82DFB5A95}" type="presParOf" srcId="{32D2A29D-8C7C-4672-A080-3820D1D78AD0}" destId="{0A7E09D6-E749-4E33-8DE1-00B1F58B07D6}" srcOrd="9" destOrd="0" presId="urn:microsoft.com/office/officeart/2005/8/layout/hProcess9"/>
    <dgm:cxn modelId="{0BEE5B45-7948-433E-977E-4B7FB21F463E}" type="presParOf" srcId="{32D2A29D-8C7C-4672-A080-3820D1D78AD0}" destId="{9F831D14-084A-48DF-BAA2-CF99C263CE15}" srcOrd="10" destOrd="0" presId="urn:microsoft.com/office/officeart/2005/8/layout/hProcess9"/>
    <dgm:cxn modelId="{6E9EB08A-24EF-40FA-B599-51A6CEC78313}" type="presParOf" srcId="{32D2A29D-8C7C-4672-A080-3820D1D78AD0}" destId="{261B8A8E-70AF-45ED-8A1E-39E1F05357A0}" srcOrd="11" destOrd="0" presId="urn:microsoft.com/office/officeart/2005/8/layout/hProcess9"/>
    <dgm:cxn modelId="{2B001AC1-3739-4BC9-B5D5-BBF8A2D93501}" type="presParOf" srcId="{32D2A29D-8C7C-4672-A080-3820D1D78AD0}" destId="{0D53421C-9384-4DCD-AC12-69C96D64EFC3}" srcOrd="12" destOrd="0" presId="urn:microsoft.com/office/officeart/2005/8/layout/hProcess9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EA4C4E4-5CC4-43DB-8CDA-6AE61F23286E}">
      <dsp:nvSpPr>
        <dsp:cNvPr id="0" name=""/>
        <dsp:cNvSpPr/>
      </dsp:nvSpPr>
      <dsp:spPr>
        <a:xfrm>
          <a:off x="0" y="692793"/>
          <a:ext cx="8128000" cy="4284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31286B7-B4D6-4EC9-9D9E-D9E42D29ED99}">
      <dsp:nvSpPr>
        <dsp:cNvPr id="0" name=""/>
        <dsp:cNvSpPr/>
      </dsp:nvSpPr>
      <dsp:spPr>
        <a:xfrm>
          <a:off x="406400" y="441873"/>
          <a:ext cx="5689600" cy="501840"/>
        </a:xfrm>
        <a:prstGeom prst="round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5053" tIns="0" rIns="215053" bIns="0" numCol="1" spcCol="1270" anchor="ctr" anchorCtr="0">
          <a:noAutofit/>
        </a:bodyPr>
        <a:lstStyle/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700" kern="1200" dirty="0"/>
            <a:t>Weekly meeting (zoom) </a:t>
          </a:r>
          <a:endParaRPr lang="pt-BR" sz="1700" kern="1200" dirty="0"/>
        </a:p>
      </dsp:txBody>
      <dsp:txXfrm>
        <a:off x="430898" y="466371"/>
        <a:ext cx="5640604" cy="452844"/>
      </dsp:txXfrm>
    </dsp:sp>
    <dsp:sp modelId="{D2BD01C7-9AA6-40DD-9606-AFE281023FAD}">
      <dsp:nvSpPr>
        <dsp:cNvPr id="0" name=""/>
        <dsp:cNvSpPr/>
      </dsp:nvSpPr>
      <dsp:spPr>
        <a:xfrm>
          <a:off x="0" y="1463913"/>
          <a:ext cx="8128000" cy="4284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B97F13B-4B4E-41E2-8D94-A83316392460}">
      <dsp:nvSpPr>
        <dsp:cNvPr id="0" name=""/>
        <dsp:cNvSpPr/>
      </dsp:nvSpPr>
      <dsp:spPr>
        <a:xfrm>
          <a:off x="406400" y="1212993"/>
          <a:ext cx="5689600" cy="501840"/>
        </a:xfrm>
        <a:prstGeom prst="round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5053" tIns="0" rIns="215053" bIns="0" numCol="1" spcCol="1270" anchor="ctr" anchorCtr="0">
          <a:noAutofit/>
        </a:bodyPr>
        <a:lstStyle/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700" kern="1200" dirty="0"/>
            <a:t>Tasks list weekly</a:t>
          </a:r>
          <a:endParaRPr lang="pt-BR" sz="1700" kern="1200" dirty="0"/>
        </a:p>
      </dsp:txBody>
      <dsp:txXfrm>
        <a:off x="430898" y="1237491"/>
        <a:ext cx="5640604" cy="452844"/>
      </dsp:txXfrm>
    </dsp:sp>
    <dsp:sp modelId="{867E67DA-F647-4DBF-BA2C-1BAC7688FADC}">
      <dsp:nvSpPr>
        <dsp:cNvPr id="0" name=""/>
        <dsp:cNvSpPr/>
      </dsp:nvSpPr>
      <dsp:spPr>
        <a:xfrm>
          <a:off x="0" y="2235033"/>
          <a:ext cx="8128000" cy="4284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1E7A430-72B4-40F8-9CBF-6F3CD22AB3DC}">
      <dsp:nvSpPr>
        <dsp:cNvPr id="0" name=""/>
        <dsp:cNvSpPr/>
      </dsp:nvSpPr>
      <dsp:spPr>
        <a:xfrm>
          <a:off x="406400" y="1984113"/>
          <a:ext cx="5689600" cy="501840"/>
        </a:xfrm>
        <a:prstGeom prst="round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5053" tIns="0" rIns="215053" bIns="0" numCol="1" spcCol="1270" anchor="ctr" anchorCtr="0">
          <a:noAutofit/>
        </a:bodyPr>
        <a:lstStyle/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700" kern="1200" dirty="0"/>
            <a:t>All responsible for commits on GitHub</a:t>
          </a:r>
          <a:endParaRPr lang="pt-BR" sz="1700" kern="1200" dirty="0"/>
        </a:p>
      </dsp:txBody>
      <dsp:txXfrm>
        <a:off x="430898" y="2008611"/>
        <a:ext cx="5640604" cy="452844"/>
      </dsp:txXfrm>
    </dsp:sp>
    <dsp:sp modelId="{FB45A2F2-BC09-4169-B6B9-24A037A29653}">
      <dsp:nvSpPr>
        <dsp:cNvPr id="0" name=""/>
        <dsp:cNvSpPr/>
      </dsp:nvSpPr>
      <dsp:spPr>
        <a:xfrm>
          <a:off x="0" y="3006153"/>
          <a:ext cx="8128000" cy="4284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505E2D5-9E91-4F98-B3A8-66FE5E03CCA9}">
      <dsp:nvSpPr>
        <dsp:cNvPr id="0" name=""/>
        <dsp:cNvSpPr/>
      </dsp:nvSpPr>
      <dsp:spPr>
        <a:xfrm>
          <a:off x="406400" y="2755233"/>
          <a:ext cx="5689600" cy="501840"/>
        </a:xfrm>
        <a:prstGeom prst="round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5053" tIns="0" rIns="215053" bIns="0" numCol="1" spcCol="1270" anchor="ctr" anchorCtr="0">
          <a:noAutofit/>
        </a:bodyPr>
        <a:lstStyle/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700" kern="1200" dirty="0"/>
            <a:t>Official communication Channel: Slack Group 3</a:t>
          </a:r>
          <a:endParaRPr lang="pt-BR" sz="1700" kern="1200" dirty="0"/>
        </a:p>
      </dsp:txBody>
      <dsp:txXfrm>
        <a:off x="430898" y="2779731"/>
        <a:ext cx="5640604" cy="452844"/>
      </dsp:txXfrm>
    </dsp:sp>
    <dsp:sp modelId="{C745A536-EE7E-40F2-AEA8-363290B7B95C}">
      <dsp:nvSpPr>
        <dsp:cNvPr id="0" name=""/>
        <dsp:cNvSpPr/>
      </dsp:nvSpPr>
      <dsp:spPr>
        <a:xfrm>
          <a:off x="0" y="3777273"/>
          <a:ext cx="8128000" cy="4284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8E649494-9456-404A-BCF1-F72FDAFBA2B1}">
      <dsp:nvSpPr>
        <dsp:cNvPr id="0" name=""/>
        <dsp:cNvSpPr/>
      </dsp:nvSpPr>
      <dsp:spPr>
        <a:xfrm>
          <a:off x="406400" y="3526353"/>
          <a:ext cx="5689600" cy="501840"/>
        </a:xfrm>
        <a:prstGeom prst="round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5053" tIns="0" rIns="215053" bIns="0" numCol="1" spcCol="1270" anchor="ctr" anchorCtr="0">
          <a:noAutofit/>
        </a:bodyPr>
        <a:lstStyle/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700" kern="1200" dirty="0"/>
            <a:t>Weekly review for all deliverables and rubrics with all team</a:t>
          </a:r>
          <a:endParaRPr lang="pt-BR" sz="1700" kern="1200" dirty="0"/>
        </a:p>
      </dsp:txBody>
      <dsp:txXfrm>
        <a:off x="430898" y="3550851"/>
        <a:ext cx="5640604" cy="452844"/>
      </dsp:txXfrm>
    </dsp:sp>
    <dsp:sp modelId="{80EF80D2-B369-400D-9DC6-765634E77C35}">
      <dsp:nvSpPr>
        <dsp:cNvPr id="0" name=""/>
        <dsp:cNvSpPr/>
      </dsp:nvSpPr>
      <dsp:spPr>
        <a:xfrm>
          <a:off x="0" y="4548393"/>
          <a:ext cx="8128000" cy="4284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AEFA7F6-9B1F-4D8E-A721-281DDA055315}">
      <dsp:nvSpPr>
        <dsp:cNvPr id="0" name=""/>
        <dsp:cNvSpPr/>
      </dsp:nvSpPr>
      <dsp:spPr>
        <a:xfrm>
          <a:off x="406400" y="4297473"/>
          <a:ext cx="5689600" cy="501840"/>
        </a:xfrm>
        <a:prstGeom prst="round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5053" tIns="0" rIns="215053" bIns="0" numCol="1" spcCol="1270" anchor="ctr" anchorCtr="0">
          <a:noAutofit/>
        </a:bodyPr>
        <a:lstStyle/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700" b="0" i="0" kern="1200" dirty="0"/>
            <a:t>Decision making process: Common sense or voting </a:t>
          </a:r>
          <a:endParaRPr lang="en-US" sz="1700" kern="1200" dirty="0"/>
        </a:p>
      </dsp:txBody>
      <dsp:txXfrm>
        <a:off x="430898" y="4321971"/>
        <a:ext cx="5640604" cy="452844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756DD7B-BA46-4F40-A89A-BB5F9ED98ED2}">
      <dsp:nvSpPr>
        <dsp:cNvPr id="0" name=""/>
        <dsp:cNvSpPr/>
      </dsp:nvSpPr>
      <dsp:spPr>
        <a:xfrm>
          <a:off x="810577" y="0"/>
          <a:ext cx="9186545" cy="6083300"/>
        </a:xfrm>
        <a:prstGeom prst="rightArrow">
          <a:avLst/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729B9E1-3950-4E32-AF9A-F38AFEEEBAC0}">
      <dsp:nvSpPr>
        <dsp:cNvPr id="0" name=""/>
        <dsp:cNvSpPr/>
      </dsp:nvSpPr>
      <dsp:spPr>
        <a:xfrm>
          <a:off x="923" y="1824990"/>
          <a:ext cx="1480253" cy="2433320"/>
        </a:xfrm>
        <a:prstGeom prst="round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500" kern="1200" dirty="0"/>
            <a:t>Download the data set | Import libraries</a:t>
          </a:r>
          <a:endParaRPr lang="pt-BR" sz="1500" kern="1200" dirty="0"/>
        </a:p>
      </dsp:txBody>
      <dsp:txXfrm>
        <a:off x="73183" y="1897250"/>
        <a:ext cx="1335733" cy="2288800"/>
      </dsp:txXfrm>
    </dsp:sp>
    <dsp:sp modelId="{CFFAEF92-D4BF-430D-9288-ABDD22CC3432}">
      <dsp:nvSpPr>
        <dsp:cNvPr id="0" name=""/>
        <dsp:cNvSpPr/>
      </dsp:nvSpPr>
      <dsp:spPr>
        <a:xfrm>
          <a:off x="1555190" y="1824990"/>
          <a:ext cx="1480253" cy="2433320"/>
        </a:xfrm>
        <a:prstGeom prst="round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500" kern="1200" dirty="0"/>
            <a:t>ETL | Cleaning the data (duplicates, null values, remove HTML tags, special characters, convert everything to lowercase, etc.)</a:t>
          </a:r>
          <a:endParaRPr lang="pt-BR" sz="1500" kern="1200" dirty="0"/>
        </a:p>
      </dsp:txBody>
      <dsp:txXfrm>
        <a:off x="1627450" y="1897250"/>
        <a:ext cx="1335733" cy="2288800"/>
      </dsp:txXfrm>
    </dsp:sp>
    <dsp:sp modelId="{1CB57422-7EAB-4BD2-B7D4-AD5109C4967D}">
      <dsp:nvSpPr>
        <dsp:cNvPr id="0" name=""/>
        <dsp:cNvSpPr/>
      </dsp:nvSpPr>
      <dsp:spPr>
        <a:xfrm>
          <a:off x="3109456" y="1824990"/>
          <a:ext cx="1480253" cy="2433320"/>
        </a:xfrm>
        <a:prstGeom prst="round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500" kern="1200" dirty="0"/>
            <a:t>ML Coding &amp; Create the model </a:t>
          </a:r>
          <a:endParaRPr lang="pt-BR" sz="1500" kern="1200" dirty="0"/>
        </a:p>
      </dsp:txBody>
      <dsp:txXfrm>
        <a:off x="3181716" y="1897250"/>
        <a:ext cx="1335733" cy="2288800"/>
      </dsp:txXfrm>
    </dsp:sp>
    <dsp:sp modelId="{E74F8F85-FC1D-43E2-93ED-D8DEAF1AD3F3}">
      <dsp:nvSpPr>
        <dsp:cNvPr id="0" name=""/>
        <dsp:cNvSpPr/>
      </dsp:nvSpPr>
      <dsp:spPr>
        <a:xfrm>
          <a:off x="4663723" y="1824990"/>
          <a:ext cx="1480253" cy="2433320"/>
        </a:xfrm>
        <a:prstGeom prst="round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500" kern="1200" dirty="0"/>
            <a:t>Output &amp; Train test split</a:t>
          </a:r>
          <a:endParaRPr lang="pt-BR" sz="1500" kern="1200" dirty="0"/>
        </a:p>
      </dsp:txBody>
      <dsp:txXfrm>
        <a:off x="4735983" y="1897250"/>
        <a:ext cx="1335733" cy="2288800"/>
      </dsp:txXfrm>
    </dsp:sp>
    <dsp:sp modelId="{4DF39A29-09F1-441E-835C-FB86A1343A29}">
      <dsp:nvSpPr>
        <dsp:cNvPr id="0" name=""/>
        <dsp:cNvSpPr/>
      </dsp:nvSpPr>
      <dsp:spPr>
        <a:xfrm>
          <a:off x="6217989" y="1824990"/>
          <a:ext cx="1480253" cy="2433320"/>
        </a:xfrm>
        <a:prstGeom prst="round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500" kern="1200" dirty="0"/>
            <a:t>Defining the model and training</a:t>
          </a:r>
          <a:endParaRPr lang="pt-BR" sz="1500" kern="1200" dirty="0"/>
        </a:p>
      </dsp:txBody>
      <dsp:txXfrm>
        <a:off x="6290249" y="1897250"/>
        <a:ext cx="1335733" cy="2288800"/>
      </dsp:txXfrm>
    </dsp:sp>
    <dsp:sp modelId="{9F831D14-084A-48DF-BAA2-CF99C263CE15}">
      <dsp:nvSpPr>
        <dsp:cNvPr id="0" name=""/>
        <dsp:cNvSpPr/>
      </dsp:nvSpPr>
      <dsp:spPr>
        <a:xfrm>
          <a:off x="7772256" y="1824990"/>
          <a:ext cx="1480253" cy="2433320"/>
        </a:xfrm>
        <a:prstGeom prst="round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500" kern="1200" dirty="0"/>
            <a:t>Prediction and accuracy metrics to choose the best model</a:t>
          </a:r>
          <a:endParaRPr lang="pt-BR" sz="1500" kern="1200" dirty="0"/>
        </a:p>
      </dsp:txBody>
      <dsp:txXfrm>
        <a:off x="7844516" y="1897250"/>
        <a:ext cx="1335733" cy="2288800"/>
      </dsp:txXfrm>
    </dsp:sp>
    <dsp:sp modelId="{0D53421C-9384-4DCD-AC12-69C96D64EFC3}">
      <dsp:nvSpPr>
        <dsp:cNvPr id="0" name=""/>
        <dsp:cNvSpPr/>
      </dsp:nvSpPr>
      <dsp:spPr>
        <a:xfrm>
          <a:off x="9326522" y="1824990"/>
          <a:ext cx="1480253" cy="2433320"/>
        </a:xfrm>
        <a:prstGeom prst="round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500" kern="1200" dirty="0"/>
            <a:t>Statistical Analysis &amp; Data Analysis findings</a:t>
          </a:r>
          <a:endParaRPr lang="pt-BR" sz="1500" kern="1200" dirty="0"/>
        </a:p>
      </dsp:txBody>
      <dsp:txXfrm>
        <a:off x="9398782" y="1897250"/>
        <a:ext cx="1335733" cy="228880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list1">
  <dgm:title val=""/>
  <dgm:desc val=""/>
  <dgm:catLst>
    <dgm:cat type="list" pri="4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animLvl val="lvl"/>
      <dgm:resizeHandles val="exact"/>
    </dgm:varLst>
    <dgm:choose name="Name0">
      <dgm:if name="Name1" func="var" arg="dir" op="equ" val="norm">
        <dgm:alg type="lin">
          <dgm:param type="linDir" val="fromT"/>
          <dgm:param type="vertAlign" val="mid"/>
          <dgm:param type="horzAlign" val="l"/>
          <dgm:param type="nodeHorzAlign" val="l"/>
        </dgm:alg>
      </dgm:if>
      <dgm:else name="Name2">
        <dgm:alg type="lin">
          <dgm:param type="linDir" val="fromT"/>
          <dgm:param type="vertAlign" val="mid"/>
          <dgm:param type="horzAlign" val="r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parentLin" refType="w"/>
      <dgm:constr type="h" for="ch" forName="parentLin" val="INF"/>
      <dgm:constr type="w" for="des" forName="parentLeftMargin" refType="w" fact="0.05"/>
      <dgm:constr type="w" for="des" forName="parentText" refType="w" fact="0.7"/>
      <dgm:constr type="h" for="des" forName="parentText" refType="primFontSz" refFor="des" refForName="parentText" fact="0.82"/>
      <dgm:constr type="h" for="ch" forName="negativeSpace" refType="primFontSz" refFor="des" refForName="parentText" fact="-0.41"/>
      <dgm:constr type="h" for="ch" forName="negativeSpace" refType="h" refFor="des" refForName="parentText" op="lte" fact="-0.82"/>
      <dgm:constr type="h" for="ch" forName="negativeSpace" refType="h" refFor="des" refForName="parentText" op="gte" fact="-0.82"/>
      <dgm:constr type="w" for="ch" forName="childText" refType="w"/>
      <dgm:constr type="h" for="ch" forName="childText" refType="primFontSz" refFor="des" refForName="parentText" fact="0.7"/>
      <dgm:constr type="primFontSz" for="des" forName="parentText" val="65"/>
      <dgm:constr type="primFontSz" for="ch" forName="childText" refType="primFontSz" refFor="des" refForName="parentText"/>
      <dgm:constr type="tMarg" for="ch" forName="childText" refType="primFontSz" refFor="des" refForName="parentText" fact="1.64"/>
      <dgm:constr type="tMarg" for="ch" forName="childText" refType="h" refFor="des" refForName="parentText" op="lte" fact="3.28"/>
      <dgm:constr type="tMarg" for="ch" forName="childText" refType="h" refFor="des" refForName="parentText" op="gte" fact="3.28"/>
      <dgm:constr type="lMarg" for="ch" forName="childText" refType="w" fact="0.22"/>
      <dgm:constr type="rMarg" for="ch" forName="childText" refType="lMarg" refFor="ch" refForName="childText"/>
      <dgm:constr type="lMarg" for="des" forName="parentText" refType="w" fact="0.075"/>
      <dgm:constr type="rMarg" for="des" forName="parentText" refType="lMarg" refFor="des" refForName="parentText"/>
      <dgm:constr type="h" for="ch" forName="spaceBetweenRectangles" refType="primFontSz" refFor="des" refForName="parentText" fact="0.15"/>
    </dgm:constrLst>
    <dgm:ruleLst>
      <dgm:rule type="primFontSz" for="des" forName="parentText" val="5" fact="NaN" max="NaN"/>
    </dgm:ruleLst>
    <dgm:forEach name="Name3" axis="ch" ptType="node">
      <dgm:layoutNode name="parentLin">
        <dgm:choose name="Name4">
          <dgm:if name="Name5" func="var" arg="dir" op="equ" val="norm">
            <dgm:alg type="lin">
              <dgm:param type="linDir" val="fromL"/>
              <dgm:param type="horzAlign" val="l"/>
              <dgm:param type="nodeHorzAlign" val="l"/>
            </dgm:alg>
          </dgm:if>
          <dgm:else name="Name6">
            <dgm:alg type="lin">
              <dgm:param type="linDir" val="fromR"/>
              <dgm:param type="horzAlign" val="r"/>
              <dgm:param type="nodeHorzAlign" val="r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parentLeftMargin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h"/>
          </dgm:constrLst>
          <dgm:ruleLst/>
        </dgm:layoutNode>
        <dgm:layoutNode name="parentText" styleLbl="node1">
          <dgm:varLst>
            <dgm:chMax val="0"/>
            <dgm:bulletEnabled val="1"/>
          </dgm:varLst>
          <dgm:choose name="Name7">
            <dgm:if name="Name8" func="var" arg="dir" op="equ" val="norm">
              <dgm:alg type="tx">
                <dgm:param type="parTxLTRAlign" val="l"/>
                <dgm:param type="parTxRTLAlign" val="l"/>
              </dgm:alg>
            </dgm:if>
            <dgm:else name="Name9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oundRect" r:blip="">
            <dgm:adjLst/>
          </dgm:shape>
          <dgm:presOf axis="self" ptType="node"/>
          <dgm:constrLst>
            <dgm:constr type="tMarg"/>
            <dgm:constr type="bMarg"/>
          </dgm:constrLst>
          <dgm:ruleLst/>
        </dgm:layoutNode>
      </dgm:layoutNode>
      <dgm:layoutNode name="negative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childText" styleLbl="conFgAcc1">
        <dgm:varLst>
          <dgm:bulletEnabled val="1"/>
        </dgm:varLst>
        <dgm:alg type="tx">
          <dgm:param type="stBulletLvl" val="1"/>
        </dgm:alg>
        <dgm:shape xmlns:r="http://schemas.openxmlformats.org/officeDocument/2006/relationships" type="rect" r:blip="" zOrderOff="-2">
          <dgm:adjLst/>
        </dgm:shape>
        <dgm:presOf axis="des" ptType="node"/>
        <dgm:constrLst>
          <dgm:constr type="secFontSz" refType="primFontSz"/>
        </dgm:constrLst>
        <dgm:ruleLst>
          <dgm:rule type="h" val="INF" fact="NaN" max="NaN"/>
        </dgm:ruleLst>
      </dgm:layoutNode>
      <dgm:forEach name="Name1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t>3/19/2022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BA7A46-A3E6-4C15-8A4F-2E511648F64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4283DBD-DBF8-4B72-8879-A112C28A5E8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99404D-7A9E-4637-B52D-8500318156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116272-3AF4-467E-9683-ED008113F8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0AC3B4B-9A22-42FE-83FA-AAE185AE9CA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5849722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C8B3AB-DAF5-483C-B090-3AABA561E3D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D03F314-EF08-4F24-8CE2-790F891D8E3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C34D4A-882D-401D-A63F-F20ABBF03D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020F6A-053C-498F-BB69-1240CB811F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DB962E-DB1D-4F7E-9CC3-B88632B7E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793632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74419AA-E84D-48DE-9C73-659FD81956E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BE4699C-6922-412B-94CA-406BE1720D9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E6713DC-EF69-4DC3-84C2-25D24CDFA2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69FD102-1503-41C3-A7A9-142E6D7ABE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49DC7F4-21FF-4C9C-98C0-F1051F91C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3733018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8019F2-FD2A-4BA7-8F67-C0E1C43374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DDC5841-04A5-458C-AE69-D827BA29983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24A68D-E647-41EB-9F29-E8C79129E0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F208C8A-1225-44B9-806A-4771660F70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A5486F-63A8-4A74-B5B3-7E72B248B7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9890411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013844-9930-4479-8911-487A44563E7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3931876-8CDB-4111-885C-DBB496388FF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F94714-E7F6-430E-BD13-ACB39A16D9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F1E9F45-7D17-448C-8AFB-4C3CF4904F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9D4592F-1ADD-458A-B19C-4BAEBB1987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1100162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8FA3D4-2C53-40EE-BB87-C97C3F800D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34BCFBD-B808-46C2-A1CB-A4E287A6178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D8A9D80-470E-440A-93CD-8B05229080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6D83FBE-6FBF-493C-A604-52BA2DEBF8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49C9D0D-0105-42C2-8A61-6567FF6024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6BC5A63-B2CB-43C8-984A-2E1AFE00A8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7450120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8947FE-F115-406E-A2D7-8C6A61D2A9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27D0B45-3C13-4D50-A7B5-44E2BF45893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21F7E04-C209-41E5-98D5-2BBB2E8B248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C350BCB-73C6-4BE7-AE7B-873AD3E048F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38866B8-F2C8-4865-B0E8-6CA2E9F115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D270913-717F-4BDB-A75B-788875923E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C4BE7A5-BEE6-40E8-BCEB-1CCD485232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ACD4621-AD64-4265-B971-084FCA0555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0842909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D3FA62-1D87-44E5-B770-37F8A6B05D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E4EBC61-1120-4D33-A7BD-4C971AFC84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5AA0A5F-0C72-431C-8AA9-79C7FC2435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2F260C3-62CE-4848-8AC7-35E1A417AD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968608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578638C-D794-47AF-BE65-A06A91FFA2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DD5D90A-398B-47E5-80ED-7EBB25B955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FFA4BE-7D79-4235-AF1E-A879BCFE11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95179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FD3385-7DCF-4D97-8142-DCF818DC3E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CAACAA-96FB-4C9D-ABDC-55FE888A1DB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AF99227-06EE-4E0D-B5CC-94F1E04DCA6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5C948D8-E996-4978-8684-4ECB023776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B441BCE-37A9-4879-B8B3-272785AB94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253B513-96DD-4AA0-B986-5A686270B8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0047930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8FC1AB-77F9-4A10-947E-ABEFAF3AB6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057F43-3F5B-4A6F-898C-30E3AFDE7C6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68016EF-1C89-4C1D-A3F6-041CB22D9C6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5C8B2D4-73C1-4813-8184-27B232D6B1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9CB3CB2-F60D-4CFB-8185-490A5AFE2C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49A3E2B-0E2E-437B-AA94-73C09607D4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56037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2C48E70-4D2D-4EB1-A2FA-5A2B0E8ED0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ACF1772-C888-45D3-85D2-8636A911EF4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91ED9C7-E26E-496C-99A9-EAA48AC2605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3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8E3C0AD-D8DC-4937-A81E-C0D303B29DC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5A4FDA-CFCD-46A2-95C7-327C8278157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229794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5" r:id="rId1"/>
    <p:sldLayoutId id="2147483746" r:id="rId2"/>
    <p:sldLayoutId id="2147483747" r:id="rId3"/>
    <p:sldLayoutId id="2147483748" r:id="rId4"/>
    <p:sldLayoutId id="2147483749" r:id="rId5"/>
    <p:sldLayoutId id="2147483750" r:id="rId6"/>
    <p:sldLayoutId id="2147483751" r:id="rId7"/>
    <p:sldLayoutId id="2147483752" r:id="rId8"/>
    <p:sldLayoutId id="2147483753" r:id="rId9"/>
    <p:sldLayoutId id="2147483754" r:id="rId10"/>
    <p:sldLayoutId id="214748375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slideLayout" Target="../slideLayouts/slideLayout6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Diagram 1">
            <a:extLst>
              <a:ext uri="{FF2B5EF4-FFF2-40B4-BE49-F238E27FC236}">
                <a16:creationId xmlns:a16="http://schemas.microsoft.com/office/drawing/2014/main" id="{F819624F-DF8F-4BDC-9457-7EF8C5D1302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80736120"/>
              </p:ext>
            </p:extLst>
          </p:nvPr>
        </p:nvGraphicFramePr>
        <p:xfrm>
          <a:off x="2032000" y="719666"/>
          <a:ext cx="8128000" cy="54186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3" name="TextBox 2">
            <a:extLst>
              <a:ext uri="{FF2B5EF4-FFF2-40B4-BE49-F238E27FC236}">
                <a16:creationId xmlns:a16="http://schemas.microsoft.com/office/drawing/2014/main" id="{169B9DE9-A338-4F62-AD73-CE1E7E2900BC}"/>
              </a:ext>
            </a:extLst>
          </p:cNvPr>
          <p:cNvSpPr txBox="1"/>
          <p:nvPr/>
        </p:nvSpPr>
        <p:spPr>
          <a:xfrm>
            <a:off x="2699935" y="11780"/>
            <a:ext cx="618852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Group 3 commitments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0885792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2" name="OTLSHAPE_SL_19867ef1ce2b46c8888ac5094bd46420_BackgroundRectangle">
            <a:extLst>
              <a:ext uri="{FF2B5EF4-FFF2-40B4-BE49-F238E27FC236}">
                <a16:creationId xmlns:a16="http://schemas.microsoft.com/office/drawing/2014/main" id="{A8EC61C4-9401-40FC-BB24-ED1975CF08A0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367209"/>
            <a:ext cx="11125200" cy="825490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5" name="OTLSHAPE_SL_e5f2b54cc09b484697a60147fb763d90_BackgroundRectangle">
            <a:extLst>
              <a:ext uri="{FF2B5EF4-FFF2-40B4-BE49-F238E27FC236}">
                <a16:creationId xmlns:a16="http://schemas.microsoft.com/office/drawing/2014/main" id="{219B4D7E-F8A5-4C65-BC5E-E65676BB5DD4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38509"/>
            <a:ext cx="11125200" cy="9652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8" name="OTLSHAPE_SL_d0a0bb0d1fc041dcae3f3d5d731aa83b_BackgroundRectangle">
            <a:extLst>
              <a:ext uri="{FF2B5EF4-FFF2-40B4-BE49-F238E27FC236}">
                <a16:creationId xmlns:a16="http://schemas.microsoft.com/office/drawing/2014/main" id="{77F285A0-D4B5-4AE1-8F66-64F569EFB21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2309809"/>
            <a:ext cx="11125200" cy="9652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1" name="OTLSHAPE_SL_3754e4ef8c3743a883ff89bf12bd931a_BackgroundRectangle">
            <a:extLst>
              <a:ext uri="{FF2B5EF4-FFF2-40B4-BE49-F238E27FC236}">
                <a16:creationId xmlns:a16="http://schemas.microsoft.com/office/drawing/2014/main" id="{6548E186-EC97-4B60-9333-0215D5F0105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256199"/>
            <a:ext cx="11125200" cy="571500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4" name="OTLSHAPE_SL_ec407117895940e0a33afcddca9ac217_BackgroundRectangle">
            <a:extLst>
              <a:ext uri="{FF2B5EF4-FFF2-40B4-BE49-F238E27FC236}">
                <a16:creationId xmlns:a16="http://schemas.microsoft.com/office/drawing/2014/main" id="{8BC45AB6-2838-487E-BEE4-7DCC0C99002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891199"/>
            <a:ext cx="11125200" cy="3302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2ED6C8D6-71C8-4385-A02D-1ED8D2E47932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44465" y="1725609"/>
            <a:ext cx="105156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3" name="OTLSHAPE_SL_19867ef1ce2b46c8888ac5094bd46420_HeaderRectangle">
            <a:extLst>
              <a:ext uri="{FF2B5EF4-FFF2-40B4-BE49-F238E27FC236}">
                <a16:creationId xmlns:a16="http://schemas.microsoft.com/office/drawing/2014/main" id="{03D40DDA-AB42-452E-8A6C-BCB9BF92EBBA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4367209"/>
            <a:ext cx="825500" cy="82549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6" name="OTLSHAPE_SL_e5f2b54cc09b484697a60147fb763d90_HeaderRectangle">
            <a:extLst>
              <a:ext uri="{FF2B5EF4-FFF2-40B4-BE49-F238E27FC236}">
                <a16:creationId xmlns:a16="http://schemas.microsoft.com/office/drawing/2014/main" id="{47C9A1CE-83F1-4467-AD36-183B94418074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3338509"/>
            <a:ext cx="825500" cy="965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9" name="OTLSHAPE_SL_d0a0bb0d1fc041dcae3f3d5d731aa83b_HeaderRectangle">
            <a:extLst>
              <a:ext uri="{FF2B5EF4-FFF2-40B4-BE49-F238E27FC236}">
                <a16:creationId xmlns:a16="http://schemas.microsoft.com/office/drawing/2014/main" id="{08582FB3-75C4-4508-9F72-C3ED14D482A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2309809"/>
            <a:ext cx="825500" cy="965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2" name="OTLSHAPE_SL_3754e4ef8c3743a883ff89bf12bd931a_HeaderRectangle">
            <a:extLst>
              <a:ext uri="{FF2B5EF4-FFF2-40B4-BE49-F238E27FC236}">
                <a16:creationId xmlns:a16="http://schemas.microsoft.com/office/drawing/2014/main" id="{CC83A74E-1878-4F71-A8BF-3BADB930FB5D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5256199"/>
            <a:ext cx="825500" cy="5715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5" name="OTLSHAPE_SL_ec407117895940e0a33afcddca9ac217_HeaderRectangle">
            <a:extLst>
              <a:ext uri="{FF2B5EF4-FFF2-40B4-BE49-F238E27FC236}">
                <a16:creationId xmlns:a16="http://schemas.microsoft.com/office/drawing/2014/main" id="{B1BC941F-7C0E-44D7-9F88-E8D838C3A003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5891199"/>
            <a:ext cx="825500" cy="330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97" name="OTLSHAPE_G_00000000000000000000000000000000_ShapeBelow0">
            <a:extLst>
              <a:ext uri="{FF2B5EF4-FFF2-40B4-BE49-F238E27FC236}">
                <a16:creationId xmlns:a16="http://schemas.microsoft.com/office/drawing/2014/main" id="{13A41DDC-0F58-476C-8A6B-9880D6868790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517944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8" name="OTLSHAPE_G_00000000000000000000000000000000_ShapeBelow1">
            <a:extLst>
              <a:ext uri="{FF2B5EF4-FFF2-40B4-BE49-F238E27FC236}">
                <a16:creationId xmlns:a16="http://schemas.microsoft.com/office/drawing/2014/main" id="{DF3FB866-2219-4B50-9DBE-2E7EE0BFAF8E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054194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9" name="OTLSHAPE_G_00000000000000000000000000000000_ShapeBelow2">
            <a:extLst>
              <a:ext uri="{FF2B5EF4-FFF2-40B4-BE49-F238E27FC236}">
                <a16:creationId xmlns:a16="http://schemas.microsoft.com/office/drawing/2014/main" id="{E6E3880A-235E-466E-96C8-F5145C60CE1D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618314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SLM_be54ac11223a4538b0a95d4c713ab9e3_Shape">
            <a:extLst>
              <a:ext uri="{FF2B5EF4-FFF2-40B4-BE49-F238E27FC236}">
                <a16:creationId xmlns:a16="http://schemas.microsoft.com/office/drawing/2014/main" id="{17881DED-E340-4E8B-A42D-7D3D54CE0AB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3791348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9" name="OTLSHAPE_SLM_7582c54c60a447d8b8e71edfb98aaf40_Shape">
            <a:extLst>
              <a:ext uri="{FF2B5EF4-FFF2-40B4-BE49-F238E27FC236}">
                <a16:creationId xmlns:a16="http://schemas.microsoft.com/office/drawing/2014/main" id="{294AD265-8F4E-47E1-A21D-A25E453A4D3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765946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" name="OTLSHAPE_SLM_560837dc1abd4a0ca0d27af684182a06_Shape">
            <a:extLst>
              <a:ext uri="{FF2B5EF4-FFF2-40B4-BE49-F238E27FC236}">
                <a16:creationId xmlns:a16="http://schemas.microsoft.com/office/drawing/2014/main" id="{0F0DA89C-543B-45C8-9D7B-5C10D9EE90D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82969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6" name="OTLSHAPE_SLM_cb319515330a4686adace750669455a1_Shape">
            <a:extLst>
              <a:ext uri="{FF2B5EF4-FFF2-40B4-BE49-F238E27FC236}">
                <a16:creationId xmlns:a16="http://schemas.microsoft.com/office/drawing/2014/main" id="{FA62BE4E-0A74-4024-963C-7EBCF543ADFB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257567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6" name="OTLSHAPE_SLM_aec98ba4df184c8881a011a86b46a3d7_Shape">
            <a:extLst>
              <a:ext uri="{FF2B5EF4-FFF2-40B4-BE49-F238E27FC236}">
                <a16:creationId xmlns:a16="http://schemas.microsoft.com/office/drawing/2014/main" id="{7EC5ECAB-2129-4D9F-B15A-75C6C3330D26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257567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1" name="OTLSHAPE_SLM_01502ce42bc84294ae8c8e2a26374c3b_Shape">
            <a:extLst>
              <a:ext uri="{FF2B5EF4-FFF2-40B4-BE49-F238E27FC236}">
                <a16:creationId xmlns:a16="http://schemas.microsoft.com/office/drawing/2014/main" id="{B5C7B2E2-C609-483A-B9F9-7D5CC6AB7AD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891718" y="494716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OTLSHAPE_SLM_c81b46d3284c4b8b8f210faa2910f49b_Shape">
            <a:extLst>
              <a:ext uri="{FF2B5EF4-FFF2-40B4-BE49-F238E27FC236}">
                <a16:creationId xmlns:a16="http://schemas.microsoft.com/office/drawing/2014/main" id="{CDCB3EB9-44A9-46E4-8E28-E00D67CD66E0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866316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0" name="OTLSHAPE_SLM_aa00dde741c24a21a2c7b6e756bf5e17_Shape">
            <a:extLst>
              <a:ext uri="{FF2B5EF4-FFF2-40B4-BE49-F238E27FC236}">
                <a16:creationId xmlns:a16="http://schemas.microsoft.com/office/drawing/2014/main" id="{9D28D433-9FA6-4B8F-B478-96A80CD9DC2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891718" y="467623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2" name="OTLSHAPE_SLM_c083dcb2c19c4c0a9646b566e1400809_Shape">
            <a:extLst>
              <a:ext uri="{FF2B5EF4-FFF2-40B4-BE49-F238E27FC236}">
                <a16:creationId xmlns:a16="http://schemas.microsoft.com/office/drawing/2014/main" id="{AE664857-67C1-4889-BD0B-9B02E24DCB6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302196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OTLSHAPE_SLM_65669134d18a43e28959dc972ef27252_Shape">
            <a:extLst>
              <a:ext uri="{FF2B5EF4-FFF2-40B4-BE49-F238E27FC236}">
                <a16:creationId xmlns:a16="http://schemas.microsoft.com/office/drawing/2014/main" id="{9C5AE2F3-B374-4748-A973-BDD7BFF27F00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765946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OTLSHAPE_SLM_26615f3a416d4a0a83511ad17e513011_Shape">
            <a:extLst>
              <a:ext uri="{FF2B5EF4-FFF2-40B4-BE49-F238E27FC236}">
                <a16:creationId xmlns:a16="http://schemas.microsoft.com/office/drawing/2014/main" id="{0F6CD54C-F5CF-41A2-BC74-F794304809B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257567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OTLSHAPE_SLM_561d3f347d1b454491ac4de9797a3f4d_Shape">
            <a:extLst>
              <a:ext uri="{FF2B5EF4-FFF2-40B4-BE49-F238E27FC236}">
                <a16:creationId xmlns:a16="http://schemas.microsoft.com/office/drawing/2014/main" id="{EE096942-F8D0-46CB-963E-2644C45FEC67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302196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OTLSHAPE_SLM_d4b43abd458d46c99679b40a91fdc215_Shape">
            <a:extLst>
              <a:ext uri="{FF2B5EF4-FFF2-40B4-BE49-F238E27FC236}">
                <a16:creationId xmlns:a16="http://schemas.microsoft.com/office/drawing/2014/main" id="{D15C81BF-3B7C-499F-9F2E-FCB4EB20BD5F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765946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OTLSHAPE_SLM_7045f708c555433896c4f672bfa058ae_Shape">
            <a:extLst>
              <a:ext uri="{FF2B5EF4-FFF2-40B4-BE49-F238E27FC236}">
                <a16:creationId xmlns:a16="http://schemas.microsoft.com/office/drawing/2014/main" id="{7587A768-F129-40C0-BB24-67911518019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302196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OTLSHAPE_SLM_c83c63dd5d304091821b0ecf3f8be2b9_Shape">
            <a:extLst>
              <a:ext uri="{FF2B5EF4-FFF2-40B4-BE49-F238E27FC236}">
                <a16:creationId xmlns:a16="http://schemas.microsoft.com/office/drawing/2014/main" id="{4DDAD743-855E-4FA0-ABAB-6CC9DB34A19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302196" y="2982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72" name="OTLSHAPE_SLM_8fe1b08c0ca24a09b6a68ffff02e0e1d_Shape">
            <a:extLst>
              <a:ext uri="{FF2B5EF4-FFF2-40B4-BE49-F238E27FC236}">
                <a16:creationId xmlns:a16="http://schemas.microsoft.com/office/drawing/2014/main" id="{3435F299-7A24-4332-AF68-41AC30167AF9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772296" y="55736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" name="OTLSHAPE_SLM_2fc3af8cbe2047d9b131940081e5f96e_Shape">
            <a:extLst>
              <a:ext uri="{FF2B5EF4-FFF2-40B4-BE49-F238E27FC236}">
                <a16:creationId xmlns:a16="http://schemas.microsoft.com/office/drawing/2014/main" id="{DB081C1F-0440-47FE-9383-1523923EE86A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327597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7" name="OTLSHAPE_SLM_60c06a06fdce43a09193df70ab745e15_Shape">
            <a:extLst>
              <a:ext uri="{FF2B5EF4-FFF2-40B4-BE49-F238E27FC236}">
                <a16:creationId xmlns:a16="http://schemas.microsoft.com/office/drawing/2014/main" id="{D5757842-9EB9-4EA1-817F-E069F6CA6C8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891718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" name="OTLSHAPE_SLM_df6e23cb93e34336adfdc39b4d5053de_Shape">
            <a:extLst>
              <a:ext uri="{FF2B5EF4-FFF2-40B4-BE49-F238E27FC236}">
                <a16:creationId xmlns:a16="http://schemas.microsoft.com/office/drawing/2014/main" id="{2058C24F-74DF-499B-8085-DB92820E456A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791348" y="467623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4" name="OTLSHAPE_SLM_e523b563254d495eb0025210ee56692e_Shape">
            <a:extLst>
              <a:ext uri="{FF2B5EF4-FFF2-40B4-BE49-F238E27FC236}">
                <a16:creationId xmlns:a16="http://schemas.microsoft.com/office/drawing/2014/main" id="{00E86286-9914-4895-A9A5-8CD9E915947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765946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5" name="OTLSHAPE_SLM_045beb95d040487eaf77b3311e5d20f0_Shape">
            <a:extLst>
              <a:ext uri="{FF2B5EF4-FFF2-40B4-BE49-F238E27FC236}">
                <a16:creationId xmlns:a16="http://schemas.microsoft.com/office/drawing/2014/main" id="{8B7C81FA-B91C-4CA0-B857-98307B1461B5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6302196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OTLSHAPE_SLM_5920b03199474388bd7736cdc3f1663e_Shape">
            <a:extLst>
              <a:ext uri="{FF2B5EF4-FFF2-40B4-BE49-F238E27FC236}">
                <a16:creationId xmlns:a16="http://schemas.microsoft.com/office/drawing/2014/main" id="{0E5F3C0E-0BDD-4BA6-8733-ED8E84FED1DE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866316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69" name="OTLSHAPE_SLM_e238d5f028934d099a3f80230dd32c18_Shape">
            <a:extLst>
              <a:ext uri="{FF2B5EF4-FFF2-40B4-BE49-F238E27FC236}">
                <a16:creationId xmlns:a16="http://schemas.microsoft.com/office/drawing/2014/main" id="{B553BECE-F79F-4721-A55E-47A4A9A3675E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237625" y="526677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70" name="OTLSHAPE_SLM_87c93a319a65441d8ccec04336af2778_Shape">
            <a:extLst>
              <a:ext uri="{FF2B5EF4-FFF2-40B4-BE49-F238E27FC236}">
                <a16:creationId xmlns:a16="http://schemas.microsoft.com/office/drawing/2014/main" id="{A3BAFBAA-0A25-4E93-A96E-6431CC538E4C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308546" y="52942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71" name="OTLSHAPE_SLM_aab742d94cfc42c79614461425cf975e_Shape">
            <a:extLst>
              <a:ext uri="{FF2B5EF4-FFF2-40B4-BE49-F238E27FC236}">
                <a16:creationId xmlns:a16="http://schemas.microsoft.com/office/drawing/2014/main" id="{299DD903-1E60-46C8-8705-D8CA8185554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872666" y="52942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8" name="OTLSHAPE_SLM_550a5bf5eba0429492a42cecbb55ea03_Shape">
            <a:extLst>
              <a:ext uri="{FF2B5EF4-FFF2-40B4-BE49-F238E27FC236}">
                <a16:creationId xmlns:a16="http://schemas.microsoft.com/office/drawing/2014/main" id="{10DB1496-FCB9-44AE-B3C9-3AD0AEAE3178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302196" y="4011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3" name="OTLSHAPE_SLM_7319137fdf7944279d79d0352cbf2c93_Shape">
            <a:extLst>
              <a:ext uri="{FF2B5EF4-FFF2-40B4-BE49-F238E27FC236}">
                <a16:creationId xmlns:a16="http://schemas.microsoft.com/office/drawing/2014/main" id="{2F5D84C7-FC55-4CAC-8138-FA2984FE8ED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866316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7" name="OTLSHAPE_SLM_34b0a8948a844ec0971ad8eee72468c1_Shape">
            <a:extLst>
              <a:ext uri="{FF2B5EF4-FFF2-40B4-BE49-F238E27FC236}">
                <a16:creationId xmlns:a16="http://schemas.microsoft.com/office/drawing/2014/main" id="{2263BDC4-9E08-41BC-BB0F-7B95A4898A5F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866316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4" name="OTLSHAPE_SL_19867ef1ce2b46c8888ac5094bd46420_Header">
            <a:extLst>
              <a:ext uri="{FF2B5EF4-FFF2-40B4-BE49-F238E27FC236}">
                <a16:creationId xmlns:a16="http://schemas.microsoft.com/office/drawing/2014/main" id="{30475D23-7E09-47A9-827D-A6836B3C024F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500" y="4686926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Machine Learning</a:t>
            </a:r>
          </a:p>
        </p:txBody>
      </p:sp>
      <p:sp>
        <p:nvSpPr>
          <p:cNvPr id="87" name="OTLSHAPE_SL_e5f2b54cc09b484697a60147fb763d90_Header">
            <a:extLst>
              <a:ext uri="{FF2B5EF4-FFF2-40B4-BE49-F238E27FC236}">
                <a16:creationId xmlns:a16="http://schemas.microsoft.com/office/drawing/2014/main" id="{E1AA7CD0-A4D2-456C-8F05-2F1C56114C7B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3500" y="3728081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1B1013"/>
                </a:solidFill>
                <a:latin typeface="Calibri" panose="020F0502020204030204" pitchFamily="34" charset="0"/>
              </a:rPr>
              <a:t>GitHub</a:t>
            </a:r>
          </a:p>
        </p:txBody>
      </p:sp>
      <p:sp>
        <p:nvSpPr>
          <p:cNvPr id="90" name="OTLSHAPE_SL_d0a0bb0d1fc041dcae3f3d5d731aa83b_Header">
            <a:extLst>
              <a:ext uri="{FF2B5EF4-FFF2-40B4-BE49-F238E27FC236}">
                <a16:creationId xmlns:a16="http://schemas.microsoft.com/office/drawing/2014/main" id="{07B39A4E-6BC5-474F-B518-680451AB2082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3500" y="269938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3C3631"/>
                </a:solidFill>
                <a:latin typeface="Calibri" panose="020F0502020204030204" pitchFamily="34" charset="0"/>
              </a:rPr>
              <a:t>Presentation</a:t>
            </a:r>
          </a:p>
        </p:txBody>
      </p:sp>
      <p:sp>
        <p:nvSpPr>
          <p:cNvPr id="93" name="OTLSHAPE_SL_3754e4ef8c3743a883ff89bf12bd931a_Header">
            <a:extLst>
              <a:ext uri="{FF2B5EF4-FFF2-40B4-BE49-F238E27FC236}">
                <a16:creationId xmlns:a16="http://schemas.microsoft.com/office/drawing/2014/main" id="{34F7E391-DCC3-41C5-AF92-81DB681847C1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3500" y="544892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171E24"/>
                </a:solidFill>
                <a:latin typeface="Calibri" panose="020F0502020204030204" pitchFamily="34" charset="0"/>
              </a:rPr>
              <a:t>Database</a:t>
            </a:r>
          </a:p>
        </p:txBody>
      </p:sp>
      <p:sp>
        <p:nvSpPr>
          <p:cNvPr id="96" name="OTLSHAPE_SL_ec407117895940e0a33afcddca9ac217_Header">
            <a:extLst>
              <a:ext uri="{FF2B5EF4-FFF2-40B4-BE49-F238E27FC236}">
                <a16:creationId xmlns:a16="http://schemas.microsoft.com/office/drawing/2014/main" id="{2365F94C-F7B8-4D8C-874E-ECCF96E8F9B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3500" y="596327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331E1C"/>
                </a:solidFill>
                <a:latin typeface="Calibri" panose="020F0502020204030204" pitchFamily="34" charset="0"/>
              </a:rPr>
              <a:t>Dashboard</a:t>
            </a:r>
          </a:p>
        </p:txBody>
      </p:sp>
      <p:sp>
        <p:nvSpPr>
          <p:cNvPr id="66" name="OTLSHAPE_TB_00000000000000000000000000000000_TodayMarkerShape">
            <a:extLst>
              <a:ext uri="{FF2B5EF4-FFF2-40B4-BE49-F238E27FC236}">
                <a16:creationId xmlns:a16="http://schemas.microsoft.com/office/drawing/2014/main" id="{DCC3F91E-4949-44F5-A021-276821D9EB55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 flipV="1">
            <a:off x="2126650" y="1598609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7" name="OTLSHAPE_TB_00000000000000000000000000000000_TodayMarkerText">
            <a:extLst>
              <a:ext uri="{FF2B5EF4-FFF2-40B4-BE49-F238E27FC236}">
                <a16:creationId xmlns:a16="http://schemas.microsoft.com/office/drawing/2014/main" id="{571827AB-04F5-42AB-98CD-FD28A3AAEE7E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994056" y="145163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8" name="OTLSHAPE_TB_00000000000000000000000000000000_TimescaleInterval1">
            <a:extLst>
              <a:ext uri="{FF2B5EF4-FFF2-40B4-BE49-F238E27FC236}">
                <a16:creationId xmlns:a16="http://schemas.microsoft.com/office/drawing/2014/main" id="{EE427987-84D7-41FC-BEDC-239020A9B21E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073065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 dirty="0">
                <a:solidFill>
                  <a:schemeClr val="lt1"/>
                </a:solidFill>
                <a:latin typeface="Calibri" panose="020F0502020204030204" pitchFamily="34" charset="0"/>
              </a:rPr>
              <a:t>Segment 1</a:t>
            </a:r>
          </a:p>
        </p:txBody>
      </p:sp>
      <p:sp>
        <p:nvSpPr>
          <p:cNvPr id="69" name="OTLSHAPE_TB_00000000000000000000000000000000_TimescaleInterval2">
            <a:extLst>
              <a:ext uri="{FF2B5EF4-FFF2-40B4-BE49-F238E27FC236}">
                <a16:creationId xmlns:a16="http://schemas.microsoft.com/office/drawing/2014/main" id="{9B76F5A8-16E3-4CB8-A22F-5497927C67E6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581444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 dirty="0">
                <a:solidFill>
                  <a:schemeClr val="lt1"/>
                </a:solidFill>
                <a:latin typeface="Calibri" panose="020F0502020204030204" pitchFamily="34" charset="0"/>
              </a:rPr>
              <a:t>Segment 2</a:t>
            </a:r>
          </a:p>
        </p:txBody>
      </p:sp>
      <p:sp>
        <p:nvSpPr>
          <p:cNvPr id="109" name="OTLSHAPE_SLM_7582c54c60a447d8b8e71edfb98aaf40_Title">
            <a:extLst>
              <a:ext uri="{FF2B5EF4-FFF2-40B4-BE49-F238E27FC236}">
                <a16:creationId xmlns:a16="http://schemas.microsoft.com/office/drawing/2014/main" id="{FE6C27A3-F38E-48B8-9C44-4B577AA61B4C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4045346" y="341834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Main Branch</a:t>
            </a:r>
          </a:p>
        </p:txBody>
      </p:sp>
      <p:sp>
        <p:nvSpPr>
          <p:cNvPr id="112" name="OTLSHAPE_SLM_560837dc1abd4a0ca0d27af684182a06_Title">
            <a:extLst>
              <a:ext uri="{FF2B5EF4-FFF2-40B4-BE49-F238E27FC236}">
                <a16:creationId xmlns:a16="http://schemas.microsoft.com/office/drawing/2014/main" id="{7BC3548B-C8B7-4279-9011-2FD8FD6C79CA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511565" y="4423765"/>
            <a:ext cx="1731213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Machine Learning Models</a:t>
            </a:r>
          </a:p>
        </p:txBody>
      </p:sp>
      <p:sp>
        <p:nvSpPr>
          <p:cNvPr id="115" name="OTLSHAPE_SLM_cb319515330a4686adace750669455a1_Title">
            <a:extLst>
              <a:ext uri="{FF2B5EF4-FFF2-40B4-BE49-F238E27FC236}">
                <a16:creationId xmlns:a16="http://schemas.microsoft.com/office/drawing/2014/main" id="{A70798FE-BA45-4392-AA1A-68240B21CB92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541206" y="3758114"/>
            <a:ext cx="133526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Individual Branches</a:t>
            </a:r>
          </a:p>
        </p:txBody>
      </p:sp>
      <p:sp>
        <p:nvSpPr>
          <p:cNvPr id="118" name="OTLSHAPE_SLM_aec98ba4df184c8881a011a86b46a3d7_Title">
            <a:extLst>
              <a:ext uri="{FF2B5EF4-FFF2-40B4-BE49-F238E27FC236}">
                <a16:creationId xmlns:a16="http://schemas.microsoft.com/office/drawing/2014/main" id="{F53976DB-5E3F-475E-991F-70C88895CAA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536966" y="3418970"/>
            <a:ext cx="147544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Main Branch</a:t>
            </a:r>
          </a:p>
        </p:txBody>
      </p:sp>
      <p:sp>
        <p:nvSpPr>
          <p:cNvPr id="161" name="OTLSHAPE_SLM_01502ce42bc84294ae8c8e2a26374c3b_Title">
            <a:extLst>
              <a:ext uri="{FF2B5EF4-FFF2-40B4-BE49-F238E27FC236}">
                <a16:creationId xmlns:a16="http://schemas.microsoft.com/office/drawing/2014/main" id="{0CBAF1A3-D216-4CA0-BB2C-D6752C424353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9120314" y="4965625"/>
            <a:ext cx="1282033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tatistical Analysis</a:t>
            </a:r>
          </a:p>
        </p:txBody>
      </p:sp>
      <p:sp>
        <p:nvSpPr>
          <p:cNvPr id="164" name="OTLSHAPE_SLM_c81b46d3284c4b8b8f210faa2910f49b_Title">
            <a:extLst>
              <a:ext uri="{FF2B5EF4-FFF2-40B4-BE49-F238E27FC236}">
                <a16:creationId xmlns:a16="http://schemas.microsoft.com/office/drawing/2014/main" id="{B5F13116-5924-47FE-BA85-312A99DC82BC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9145716" y="2389650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ECommerce Update</a:t>
            </a:r>
          </a:p>
        </p:txBody>
      </p:sp>
      <p:sp>
        <p:nvSpPr>
          <p:cNvPr id="167" name="OTLSHAPE_SLM_aa00dde741c24a21a2c7b6e756bf5e17_Title">
            <a:extLst>
              <a:ext uri="{FF2B5EF4-FFF2-40B4-BE49-F238E27FC236}">
                <a16:creationId xmlns:a16="http://schemas.microsoft.com/office/drawing/2014/main" id="{DA2D3FF9-17A6-439E-A325-157992E3578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9120315" y="4694695"/>
            <a:ext cx="1760206" cy="1558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Testing, results and findings</a:t>
            </a:r>
          </a:p>
        </p:txBody>
      </p:sp>
      <p:sp>
        <p:nvSpPr>
          <p:cNvPr id="173" name="OTLSHAPE_SLM_65669134d18a43e28959dc972ef27252_Title">
            <a:extLst>
              <a:ext uri="{FF2B5EF4-FFF2-40B4-BE49-F238E27FC236}">
                <a16:creationId xmlns:a16="http://schemas.microsoft.com/office/drawing/2014/main" id="{B667E94E-98FD-4A5C-95C2-74904742047B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045345" y="2390271"/>
            <a:ext cx="173544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esentation Outlines</a:t>
            </a:r>
          </a:p>
        </p:txBody>
      </p:sp>
      <p:sp>
        <p:nvSpPr>
          <p:cNvPr id="176" name="OTLSHAPE_SLM_26615f3a416d4a0a83511ad17e513011_Title">
            <a:extLst>
              <a:ext uri="{FF2B5EF4-FFF2-40B4-BE49-F238E27FC236}">
                <a16:creationId xmlns:a16="http://schemas.microsoft.com/office/drawing/2014/main" id="{ED455CAE-B980-4F74-A716-CDD363AEDC3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536967" y="2389650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Drafted Project</a:t>
            </a:r>
          </a:p>
        </p:txBody>
      </p:sp>
      <p:sp>
        <p:nvSpPr>
          <p:cNvPr id="179" name="OTLSHAPE_SLM_561d3f347d1b454491ac4de9797a3f4d_Title">
            <a:extLst>
              <a:ext uri="{FF2B5EF4-FFF2-40B4-BE49-F238E27FC236}">
                <a16:creationId xmlns:a16="http://schemas.microsoft.com/office/drawing/2014/main" id="{0EDAC04D-2AEE-4F33-B702-E8BE6CF6739E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581596" y="2390271"/>
            <a:ext cx="16768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esentation tells a story</a:t>
            </a:r>
          </a:p>
        </p:txBody>
      </p:sp>
      <p:sp>
        <p:nvSpPr>
          <p:cNvPr id="182" name="OTLSHAPE_SLM_d4b43abd458d46c99679b40a91fdc215_Title">
            <a:extLst>
              <a:ext uri="{FF2B5EF4-FFF2-40B4-BE49-F238E27FC236}">
                <a16:creationId xmlns:a16="http://schemas.microsoft.com/office/drawing/2014/main" id="{7F6F90C6-F9A0-4750-AA81-BB05BE3747C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4045346" y="2623133"/>
            <a:ext cx="16129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resentation drafted in Google Slides</a:t>
            </a:r>
          </a:p>
        </p:txBody>
      </p:sp>
      <p:sp>
        <p:nvSpPr>
          <p:cNvPr id="188" name="OTLSHAPE_SLM_c83c63dd5d304091821b0ecf3f8be2b9_Title">
            <a:extLst>
              <a:ext uri="{FF2B5EF4-FFF2-40B4-BE49-F238E27FC236}">
                <a16:creationId xmlns:a16="http://schemas.microsoft.com/office/drawing/2014/main" id="{C0E9CFF4-C176-4E37-BF83-B713614F717B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581596" y="3024650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log Design Update</a:t>
            </a:r>
          </a:p>
        </p:txBody>
      </p:sp>
      <p:sp>
        <p:nvSpPr>
          <p:cNvPr id="191" name="OTLSHAPE_SLM_8fe1b08c0ca24a09b6a68ffff02e0e1d_Title">
            <a:extLst>
              <a:ext uri="{FF2B5EF4-FFF2-40B4-BE49-F238E27FC236}">
                <a16:creationId xmlns:a16="http://schemas.microsoft.com/office/drawing/2014/main" id="{641F0298-D838-4345-958D-ADFA2DF9442B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038995" y="5597012"/>
            <a:ext cx="201519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If SQL, provide ERD relationship</a:t>
            </a:r>
          </a:p>
        </p:txBody>
      </p:sp>
      <p:sp>
        <p:nvSpPr>
          <p:cNvPr id="194" name="OTLSHAPE_SLM_2fc3af8cbe2047d9b131940081e5f96e_Title">
            <a:extLst>
              <a:ext uri="{FF2B5EF4-FFF2-40B4-BE49-F238E27FC236}">
                <a16:creationId xmlns:a16="http://schemas.microsoft.com/office/drawing/2014/main" id="{8A33C2F2-8B63-4BF7-A460-C7A496D5459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556194" y="4423765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Working Code</a:t>
            </a:r>
          </a:p>
        </p:txBody>
      </p:sp>
      <p:sp>
        <p:nvSpPr>
          <p:cNvPr id="197" name="OTLSHAPE_SLM_60c06a06fdce43a09193df70ab745e15_Title">
            <a:extLst>
              <a:ext uri="{FF2B5EF4-FFF2-40B4-BE49-F238E27FC236}">
                <a16:creationId xmlns:a16="http://schemas.microsoft.com/office/drawing/2014/main" id="{D880DBB4-CFFD-450F-88A4-43517FCFD7CD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120315" y="4423765"/>
            <a:ext cx="1282034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Final ML Code</a:t>
            </a:r>
          </a:p>
        </p:txBody>
      </p:sp>
      <p:sp>
        <p:nvSpPr>
          <p:cNvPr id="200" name="OTLSHAPE_SLM_df6e23cb93e34336adfdc39b4d5053de_Title">
            <a:extLst>
              <a:ext uri="{FF2B5EF4-FFF2-40B4-BE49-F238E27FC236}">
                <a16:creationId xmlns:a16="http://schemas.microsoft.com/office/drawing/2014/main" id="{392D3985-0596-434F-BC52-C6D32ECEE1B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4019945" y="4694695"/>
            <a:ext cx="1983452" cy="2948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Description and Explanation of model choice</a:t>
            </a:r>
          </a:p>
        </p:txBody>
      </p:sp>
      <p:sp>
        <p:nvSpPr>
          <p:cNvPr id="203" name="OTLSHAPE_SLM_e523b563254d495eb0025210ee56692e_Title">
            <a:extLst>
              <a:ext uri="{FF2B5EF4-FFF2-40B4-BE49-F238E27FC236}">
                <a16:creationId xmlns:a16="http://schemas.microsoft.com/office/drawing/2014/main" id="{3801C606-748B-4AF5-9D84-51E587EFD2C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045346" y="3736470"/>
            <a:ext cx="136313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Individual Branches</a:t>
            </a:r>
          </a:p>
        </p:txBody>
      </p:sp>
      <p:sp>
        <p:nvSpPr>
          <p:cNvPr id="215" name="OTLSHAPE_SLM_e238d5f028934d099a3f80230dd32c18_Title">
            <a:extLst>
              <a:ext uri="{FF2B5EF4-FFF2-40B4-BE49-F238E27FC236}">
                <a16:creationId xmlns:a16="http://schemas.microsoft.com/office/drawing/2014/main" id="{748D0E8A-82D4-4870-9899-E198AB3F55FA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038996" y="5317612"/>
            <a:ext cx="203671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esent a fully integrated database</a:t>
            </a:r>
          </a:p>
        </p:txBody>
      </p:sp>
      <p:sp>
        <p:nvSpPr>
          <p:cNvPr id="218" name="OTLSHAPE_SLM_87c93a319a65441d8ccec04336af2778_Title">
            <a:extLst>
              <a:ext uri="{FF2B5EF4-FFF2-40B4-BE49-F238E27FC236}">
                <a16:creationId xmlns:a16="http://schemas.microsoft.com/office/drawing/2014/main" id="{133DBD66-00A3-4406-B0C7-F4D0BBAC3D4B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575246" y="5316990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n/a</a:t>
            </a:r>
          </a:p>
        </p:txBody>
      </p:sp>
      <p:sp>
        <p:nvSpPr>
          <p:cNvPr id="221" name="OTLSHAPE_SLM_aab742d94cfc42c79614461425cf975e_Title">
            <a:extLst>
              <a:ext uri="{FF2B5EF4-FFF2-40B4-BE49-F238E27FC236}">
                <a16:creationId xmlns:a16="http://schemas.microsoft.com/office/drawing/2014/main" id="{B59DC869-1D3A-4627-B55D-BF0A4F7BB7F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9139365" y="5316990"/>
            <a:ext cx="2043057" cy="4175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Present a final project with a fully integrated database</a:t>
            </a:r>
          </a:p>
        </p:txBody>
      </p:sp>
      <p:sp>
        <p:nvSpPr>
          <p:cNvPr id="224" name="OTLSHAPE_SLM_266cb7b954a6414eb7b7ea9f740319f6_Title">
            <a:extLst>
              <a:ext uri="{FF2B5EF4-FFF2-40B4-BE49-F238E27FC236}">
                <a16:creationId xmlns:a16="http://schemas.microsoft.com/office/drawing/2014/main" id="{DF0EDC4D-BB35-455F-8D69-751C37A15904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632394" y="5971660"/>
            <a:ext cx="195805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Dashboard presents a data story</a:t>
            </a:r>
          </a:p>
        </p:txBody>
      </p:sp>
      <p:sp>
        <p:nvSpPr>
          <p:cNvPr id="227" name="OTLSHAPE_SLM_6e37b4e8e3c149d585cc7170bfe1145c_Title">
            <a:extLst>
              <a:ext uri="{FF2B5EF4-FFF2-40B4-BE49-F238E27FC236}">
                <a16:creationId xmlns:a16="http://schemas.microsoft.com/office/drawing/2014/main" id="{DB76CAC7-AA4F-467F-8A79-CA23BE044599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045345" y="5971661"/>
            <a:ext cx="183121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A blueprint of the dashboard</a:t>
            </a:r>
          </a:p>
        </p:txBody>
      </p:sp>
      <p:sp>
        <p:nvSpPr>
          <p:cNvPr id="230" name="OTLSHAPE_SLM_18b4805670c54bafba548f70c19a4604_Title">
            <a:extLst>
              <a:ext uri="{FF2B5EF4-FFF2-40B4-BE49-F238E27FC236}">
                <a16:creationId xmlns:a16="http://schemas.microsoft.com/office/drawing/2014/main" id="{2D439119-BF5E-467D-8DA6-0AD961F06D4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145715" y="5887023"/>
            <a:ext cx="2091803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Final Dashboard &amp; Screen capture and video </a:t>
            </a:r>
          </a:p>
        </p:txBody>
      </p:sp>
      <p:sp>
        <p:nvSpPr>
          <p:cNvPr id="325" name="OTLSHAPE_TB_00000000000000000000000000000000_TimescaleInterval3">
            <a:extLst>
              <a:ext uri="{FF2B5EF4-FFF2-40B4-BE49-F238E27FC236}">
                <a16:creationId xmlns:a16="http://schemas.microsoft.com/office/drawing/2014/main" id="{D02CF991-3D56-4693-A921-116A39ED59F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117694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 dirty="0">
                <a:solidFill>
                  <a:schemeClr val="lt1"/>
                </a:solidFill>
                <a:latin typeface="Calibri" panose="020F0502020204030204" pitchFamily="34" charset="0"/>
              </a:rPr>
              <a:t>Segment 3</a:t>
            </a:r>
          </a:p>
        </p:txBody>
      </p:sp>
      <p:sp>
        <p:nvSpPr>
          <p:cNvPr id="327" name="OTLSHAPE_TB_00000000000000000000000000000000_TimescaleInterval4">
            <a:extLst>
              <a:ext uri="{FF2B5EF4-FFF2-40B4-BE49-F238E27FC236}">
                <a16:creationId xmlns:a16="http://schemas.microsoft.com/office/drawing/2014/main" id="{A3B3A184-D9F1-4F8E-B36E-E797E09AB6B8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681814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 dirty="0">
                <a:solidFill>
                  <a:schemeClr val="lt1"/>
                </a:solidFill>
                <a:latin typeface="Calibri" panose="020F0502020204030204" pitchFamily="34" charset="0"/>
              </a:rPr>
              <a:t>Segment 4</a:t>
            </a:r>
          </a:p>
        </p:txBody>
      </p:sp>
      <p:cxnSp>
        <p:nvCxnSpPr>
          <p:cNvPr id="321" name="OTLSHAPE_TB_00000000000000000000000000000000_Separator1">
            <a:extLst>
              <a:ext uri="{FF2B5EF4-FFF2-40B4-BE49-F238E27FC236}">
                <a16:creationId xmlns:a16="http://schemas.microsoft.com/office/drawing/2014/main" id="{D84D0BD2-4AF1-4DAE-9507-F54F3D52D1B4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3517944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" name="OTLSHAPE_TB_00000000000000000000000000000000_Separator2">
            <a:extLst>
              <a:ext uri="{FF2B5EF4-FFF2-40B4-BE49-F238E27FC236}">
                <a16:creationId xmlns:a16="http://schemas.microsoft.com/office/drawing/2014/main" id="{3CB18BC2-5689-4FE7-A0B2-867A16BA9C8E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6054194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6" name="OTLSHAPE_TB_00000000000000000000000000000000_Separator3">
            <a:extLst>
              <a:ext uri="{FF2B5EF4-FFF2-40B4-BE49-F238E27FC236}">
                <a16:creationId xmlns:a16="http://schemas.microsoft.com/office/drawing/2014/main" id="{7583DD2D-FA16-47B6-97EB-9F00165CDF6E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8618314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523786F4-C718-4C6C-822B-B5A661F6A48B}"/>
              </a:ext>
            </a:extLst>
          </p:cNvPr>
          <p:cNvSpPr txBox="1"/>
          <p:nvPr/>
        </p:nvSpPr>
        <p:spPr>
          <a:xfrm>
            <a:off x="3207935" y="493709"/>
            <a:ext cx="654566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Project Roadmap – Group 3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98" name="OTLSHAPE_SLM_d4b43abd458d46c99679b40a91fdc215_Title">
            <a:extLst>
              <a:ext uri="{FF2B5EF4-FFF2-40B4-BE49-F238E27FC236}">
                <a16:creationId xmlns:a16="http://schemas.microsoft.com/office/drawing/2014/main" id="{A655090A-4969-4BBC-BDEA-9166EEDE6B0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602764" y="2640783"/>
            <a:ext cx="16129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resentation drafted in Google Slides</a:t>
            </a:r>
          </a:p>
        </p:txBody>
      </p:sp>
      <p:sp>
        <p:nvSpPr>
          <p:cNvPr id="99" name="OTLSHAPE_SLM_c83c63dd5d304091821b0ecf3f8be2b9_Shape">
            <a:extLst>
              <a:ext uri="{FF2B5EF4-FFF2-40B4-BE49-F238E27FC236}">
                <a16:creationId xmlns:a16="http://schemas.microsoft.com/office/drawing/2014/main" id="{C07E3C86-94C8-497E-921B-145F23AF7D5B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8880782" y="2975965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0" name="OTLSHAPE_SLM_d4b43abd458d46c99679b40a91fdc215_Title">
            <a:extLst>
              <a:ext uri="{FF2B5EF4-FFF2-40B4-BE49-F238E27FC236}">
                <a16:creationId xmlns:a16="http://schemas.microsoft.com/office/drawing/2014/main" id="{DC9404E3-086B-4002-B094-39BCA99F11C2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9136019" y="2632008"/>
            <a:ext cx="16129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resentation drafted in Google Slides</a:t>
            </a:r>
          </a:p>
        </p:txBody>
      </p:sp>
      <p:sp>
        <p:nvSpPr>
          <p:cNvPr id="101" name="OTLSHAPE_SLM_d4b43abd458d46c99679b40a91fdc215_Title">
            <a:extLst>
              <a:ext uri="{FF2B5EF4-FFF2-40B4-BE49-F238E27FC236}">
                <a16:creationId xmlns:a16="http://schemas.microsoft.com/office/drawing/2014/main" id="{882D3487-9169-4F07-BBE0-5152D50F6E62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9182740" y="3044673"/>
            <a:ext cx="16129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Live Presentation</a:t>
            </a:r>
          </a:p>
        </p:txBody>
      </p:sp>
      <p:sp>
        <p:nvSpPr>
          <p:cNvPr id="102" name="OTLSHAPE_SLM_e523b563254d495eb0025210ee56692e_Shape">
            <a:extLst>
              <a:ext uri="{FF2B5EF4-FFF2-40B4-BE49-F238E27FC236}">
                <a16:creationId xmlns:a16="http://schemas.microsoft.com/office/drawing/2014/main" id="{5CF3C224-563E-4ADC-882B-D546AC844035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3774148" y="3998151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4" name="OTLSHAPE_SLM_e523b563254d495eb0025210ee56692e_Title">
            <a:extLst>
              <a:ext uri="{FF2B5EF4-FFF2-40B4-BE49-F238E27FC236}">
                <a16:creationId xmlns:a16="http://schemas.microsoft.com/office/drawing/2014/main" id="{D6FEE4E9-5DA0-4192-B6F5-A6A2D858CB3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4056173" y="4024351"/>
            <a:ext cx="136313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eadme.md</a:t>
            </a:r>
          </a:p>
        </p:txBody>
      </p:sp>
      <p:sp>
        <p:nvSpPr>
          <p:cNvPr id="105" name="OTLSHAPE_SLM_7582c54c60a447d8b8e71edfb98aaf40_Title">
            <a:extLst>
              <a:ext uri="{FF2B5EF4-FFF2-40B4-BE49-F238E27FC236}">
                <a16:creationId xmlns:a16="http://schemas.microsoft.com/office/drawing/2014/main" id="{7CBAB7CC-D1CF-4F88-A164-D0FE6CB960B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638392" y="3412486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Main Branch</a:t>
            </a:r>
          </a:p>
        </p:txBody>
      </p:sp>
      <p:sp>
        <p:nvSpPr>
          <p:cNvPr id="107" name="OTLSHAPE_SLM_34b0a8948a844ec0971ad8eee72468c1_Shape">
            <a:extLst>
              <a:ext uri="{FF2B5EF4-FFF2-40B4-BE49-F238E27FC236}">
                <a16:creationId xmlns:a16="http://schemas.microsoft.com/office/drawing/2014/main" id="{E7054E22-45BB-441D-B809-32D7AEBB4F7E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8859966" y="3990828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8" name="OTLSHAPE_SLM_e523b563254d495eb0025210ee56692e_Title">
            <a:extLst>
              <a:ext uri="{FF2B5EF4-FFF2-40B4-BE49-F238E27FC236}">
                <a16:creationId xmlns:a16="http://schemas.microsoft.com/office/drawing/2014/main" id="{B29725C3-AF79-4198-A6DE-CC54E4F8C08C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609465" y="3728081"/>
            <a:ext cx="136313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Individual Branches</a:t>
            </a:r>
          </a:p>
        </p:txBody>
      </p:sp>
      <p:sp>
        <p:nvSpPr>
          <p:cNvPr id="110" name="OTLSHAPE_SLM_e523b563254d495eb0025210ee56692e_Title">
            <a:extLst>
              <a:ext uri="{FF2B5EF4-FFF2-40B4-BE49-F238E27FC236}">
                <a16:creationId xmlns:a16="http://schemas.microsoft.com/office/drawing/2014/main" id="{BA7C11C1-509A-4EED-9482-023997BDB34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620292" y="4042434"/>
            <a:ext cx="136313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eadme.md</a:t>
            </a:r>
          </a:p>
        </p:txBody>
      </p:sp>
      <p:sp>
        <p:nvSpPr>
          <p:cNvPr id="111" name="OTLSHAPE_SLM_e523b563254d495eb0025210ee56692e_Title">
            <a:extLst>
              <a:ext uri="{FF2B5EF4-FFF2-40B4-BE49-F238E27FC236}">
                <a16:creationId xmlns:a16="http://schemas.microsoft.com/office/drawing/2014/main" id="{4991DBF6-E046-480D-9B2E-A974248A4B1A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9194400" y="4009873"/>
            <a:ext cx="136313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eadme.md</a:t>
            </a:r>
          </a:p>
        </p:txBody>
      </p:sp>
      <p:sp>
        <p:nvSpPr>
          <p:cNvPr id="113" name="OTLSHAPE_SLM_e523b563254d495eb0025210ee56692e_Title">
            <a:extLst>
              <a:ext uri="{FF2B5EF4-FFF2-40B4-BE49-F238E27FC236}">
                <a16:creationId xmlns:a16="http://schemas.microsoft.com/office/drawing/2014/main" id="{C2381D41-6C5F-4C96-AC4A-437BA3794CEE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177177" y="3728081"/>
            <a:ext cx="136313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Individual Branches</a:t>
            </a:r>
          </a:p>
        </p:txBody>
      </p:sp>
      <p:sp>
        <p:nvSpPr>
          <p:cNvPr id="116" name="OTLSHAPE_SLM_7582c54c60a447d8b8e71edfb98aaf40_Title">
            <a:extLst>
              <a:ext uri="{FF2B5EF4-FFF2-40B4-BE49-F238E27FC236}">
                <a16:creationId xmlns:a16="http://schemas.microsoft.com/office/drawing/2014/main" id="{E1B165DC-A356-4528-8049-923774F8370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9183815" y="3432382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Main Branch</a:t>
            </a:r>
          </a:p>
        </p:txBody>
      </p:sp>
      <p:sp>
        <p:nvSpPr>
          <p:cNvPr id="117" name="OTLSHAPE_SLM_560837dc1abd4a0ca0d27af684182a06_Title">
            <a:extLst>
              <a:ext uri="{FF2B5EF4-FFF2-40B4-BE49-F238E27FC236}">
                <a16:creationId xmlns:a16="http://schemas.microsoft.com/office/drawing/2014/main" id="{430E98DA-2338-4DEE-998A-3273EC9DC66B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4056173" y="4423765"/>
            <a:ext cx="1731213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ubmit code for their ML</a:t>
            </a:r>
          </a:p>
        </p:txBody>
      </p:sp>
      <p:sp>
        <p:nvSpPr>
          <p:cNvPr id="119" name="OTLSHAPE_SLM_df6e23cb93e34336adfdc39b4d5053de_Title">
            <a:extLst>
              <a:ext uri="{FF2B5EF4-FFF2-40B4-BE49-F238E27FC236}">
                <a16:creationId xmlns:a16="http://schemas.microsoft.com/office/drawing/2014/main" id="{65AE0622-1ADD-49D8-AF23-4A72AF375BDE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6575246" y="4650840"/>
            <a:ext cx="1983452" cy="2948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ML Code Description and Explanation</a:t>
            </a:r>
          </a:p>
        </p:txBody>
      </p:sp>
      <p:sp>
        <p:nvSpPr>
          <p:cNvPr id="120" name="OTLSHAPE_SLM_2fc3af8cbe2047d9b131940081e5f96e_Shape">
            <a:extLst>
              <a:ext uri="{FF2B5EF4-FFF2-40B4-BE49-F238E27FC236}">
                <a16:creationId xmlns:a16="http://schemas.microsoft.com/office/drawing/2014/main" id="{C5419B84-70BB-47D0-B0F9-139C8F02C196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6319265" y="4667774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2" name="OTLSHAPE_SLM_2fc3af8cbe2047d9b131940081e5f96e_Shape">
            <a:extLst>
              <a:ext uri="{FF2B5EF4-FFF2-40B4-BE49-F238E27FC236}">
                <a16:creationId xmlns:a16="http://schemas.microsoft.com/office/drawing/2014/main" id="{81544BC3-6265-49CD-912A-81489835FED5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6319265" y="4964104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3" name="OTLSHAPE_SLM_2fc3af8cbe2047d9b131940081e5f96e_Title">
            <a:extLst>
              <a:ext uri="{FF2B5EF4-FFF2-40B4-BE49-F238E27FC236}">
                <a16:creationId xmlns:a16="http://schemas.microsoft.com/office/drawing/2014/main" id="{482373CF-C6F4-4B3A-BB38-0CD716BC7DF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581698" y="4970783"/>
            <a:ext cx="1957948" cy="1653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ssues the team is solving</a:t>
            </a:r>
          </a:p>
        </p:txBody>
      </p:sp>
      <p:sp>
        <p:nvSpPr>
          <p:cNvPr id="124" name="OTLSHAPE_SLM_e238d5f028934d099a3f80230dd32c18_Title">
            <a:extLst>
              <a:ext uri="{FF2B5EF4-FFF2-40B4-BE49-F238E27FC236}">
                <a16:creationId xmlns:a16="http://schemas.microsoft.com/office/drawing/2014/main" id="{96735BF4-08B6-4170-9075-ABD973AAFDAB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570545" y="5309273"/>
            <a:ext cx="185470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esent a provisional database</a:t>
            </a:r>
          </a:p>
        </p:txBody>
      </p:sp>
      <p:sp>
        <p:nvSpPr>
          <p:cNvPr id="125" name="OTLSHAPE_SLM_8fe1b08c0ca24a09b6a68ffff02e0e1d_Shape">
            <a:extLst>
              <a:ext uri="{FF2B5EF4-FFF2-40B4-BE49-F238E27FC236}">
                <a16:creationId xmlns:a16="http://schemas.microsoft.com/office/drawing/2014/main" id="{EB97C3BD-C2A8-4F6A-BBC5-64B8569F98E4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3754993" y="5263845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A0FE63BC-8A93-49C0-A789-2CF3BA77EB6F}"/>
              </a:ext>
            </a:extLst>
          </p:cNvPr>
          <p:cNvSpPr/>
          <p:nvPr/>
        </p:nvSpPr>
        <p:spPr>
          <a:xfrm>
            <a:off x="1206773" y="5963272"/>
            <a:ext cx="253996" cy="186055"/>
          </a:xfrm>
          <a:prstGeom prst="roundRect">
            <a:avLst/>
          </a:prstGeom>
          <a:solidFill>
            <a:schemeClr val="bg2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 dirty="0"/>
          </a:p>
        </p:txBody>
      </p:sp>
      <p:sp>
        <p:nvSpPr>
          <p:cNvPr id="126" name="Rectangle: Rounded Corners 125">
            <a:extLst>
              <a:ext uri="{FF2B5EF4-FFF2-40B4-BE49-F238E27FC236}">
                <a16:creationId xmlns:a16="http://schemas.microsoft.com/office/drawing/2014/main" id="{8356DCB0-5BE8-4D27-B0BE-2E0FD6B98B7F}"/>
              </a:ext>
            </a:extLst>
          </p:cNvPr>
          <p:cNvSpPr/>
          <p:nvPr/>
        </p:nvSpPr>
        <p:spPr>
          <a:xfrm>
            <a:off x="3742528" y="5954004"/>
            <a:ext cx="253996" cy="186055"/>
          </a:xfrm>
          <a:prstGeom prst="roundRect">
            <a:avLst/>
          </a:prstGeom>
          <a:solidFill>
            <a:schemeClr val="bg2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 dirty="0"/>
          </a:p>
        </p:txBody>
      </p:sp>
      <p:sp>
        <p:nvSpPr>
          <p:cNvPr id="127" name="Rectangle: Rounded Corners 126">
            <a:extLst>
              <a:ext uri="{FF2B5EF4-FFF2-40B4-BE49-F238E27FC236}">
                <a16:creationId xmlns:a16="http://schemas.microsoft.com/office/drawing/2014/main" id="{CEF79A14-74D7-4B30-B456-33F46E83BD60}"/>
              </a:ext>
            </a:extLst>
          </p:cNvPr>
          <p:cNvSpPr/>
          <p:nvPr/>
        </p:nvSpPr>
        <p:spPr>
          <a:xfrm>
            <a:off x="6308546" y="5971040"/>
            <a:ext cx="253996" cy="186055"/>
          </a:xfrm>
          <a:prstGeom prst="roundRect">
            <a:avLst/>
          </a:prstGeom>
          <a:solidFill>
            <a:schemeClr val="bg2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 dirty="0"/>
          </a:p>
        </p:txBody>
      </p:sp>
      <p:sp>
        <p:nvSpPr>
          <p:cNvPr id="128" name="Rectangle: Rounded Corners 127">
            <a:extLst>
              <a:ext uri="{FF2B5EF4-FFF2-40B4-BE49-F238E27FC236}">
                <a16:creationId xmlns:a16="http://schemas.microsoft.com/office/drawing/2014/main" id="{3C370805-653C-45BC-B102-87DA0D89E66F}"/>
              </a:ext>
            </a:extLst>
          </p:cNvPr>
          <p:cNvSpPr/>
          <p:nvPr/>
        </p:nvSpPr>
        <p:spPr>
          <a:xfrm>
            <a:off x="8853618" y="5971040"/>
            <a:ext cx="253996" cy="186055"/>
          </a:xfrm>
          <a:prstGeom prst="roundRect">
            <a:avLst/>
          </a:prstGeom>
          <a:solidFill>
            <a:schemeClr val="bg2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 dirty="0"/>
          </a:p>
        </p:txBody>
      </p:sp>
      <p:sp>
        <p:nvSpPr>
          <p:cNvPr id="129" name="OTLSHAPE_SLM_6e37b4e8e3c149d585cc7170bfe1145c_Title">
            <a:extLst>
              <a:ext uri="{FF2B5EF4-FFF2-40B4-BE49-F238E27FC236}">
                <a16:creationId xmlns:a16="http://schemas.microsoft.com/office/drawing/2014/main" id="{0F409334-81F7-436A-87B7-E8553D87A82D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555906" y="5972585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n/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957311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Diagram 1">
            <a:extLst>
              <a:ext uri="{FF2B5EF4-FFF2-40B4-BE49-F238E27FC236}">
                <a16:creationId xmlns:a16="http://schemas.microsoft.com/office/drawing/2014/main" id="{D07A3D97-A35B-4BC3-84A5-28CC2BD08F61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662525605"/>
              </p:ext>
            </p:extLst>
          </p:nvPr>
        </p:nvGraphicFramePr>
        <p:xfrm>
          <a:off x="622300" y="546100"/>
          <a:ext cx="10807700" cy="60833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3" name="TextBox 2">
            <a:extLst>
              <a:ext uri="{FF2B5EF4-FFF2-40B4-BE49-F238E27FC236}">
                <a16:creationId xmlns:a16="http://schemas.microsoft.com/office/drawing/2014/main" id="{3B15017B-06DA-430E-8753-EB34B109B86E}"/>
              </a:ext>
            </a:extLst>
          </p:cNvPr>
          <p:cNvSpPr txBox="1"/>
          <p:nvPr/>
        </p:nvSpPr>
        <p:spPr>
          <a:xfrm>
            <a:off x="2776135" y="546100"/>
            <a:ext cx="7256865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Overview &amp; Draft – ML Coding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29643533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My4yMC4wNC4wMCIsIkVkaXRpb24iOiJQcm8iLCJJc1BsdXNFZGl0aW9uIjp0cnVlLCJJc1Byb0VkaXRpb24iOnRydWV9LCJFZmZlY3QiOjAsIlN0eWxlIjp7IiRpZCI6IjMiLCJUaW1lYmFuZFN0eWxlIjp7IiRpZCI6IjQiLCJTY2FsZU1hcmtpbmciOjAsIlNoYXBlIjoxNywiU2hhcGVTdHlsZSI6eyIkaWQiOiI1IiwiTWFyZ2luIjp7IiRpZCI6IjYiLCJUb3AiOjAsIkxlZnQiOjEwLCJSaWdodCI6MTAsIkJvdHRvbSI6MH0sIlBhZGRpbmciOnsiJGlkIjoiNyIsIlRvcCI6NSwiTGVmdCI6MTMsIlJpZ2h0IjoxMy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OC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xLCJRdWlja1Bvc2l0aW9uIjozLCJBYnNvbHV0ZVBvc2l0aW9uIjoxMzUuODc0NzI1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OTEsIkciOjE1NSwiQiI6MjEz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4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HcmlkbGluZVBhbmVsU3R5bGUiOnsiJGlkIjoiMTI3IiwiR3JpZGxpbmVTdHlsZSI6eyIkaWQiOiIxMjgiLCJMaW5lQ29sb3IiOnsiJGlkIjoiMTI5IiwiJHR5cGUiOiJOTFJFLkNvbW1vbi5Eb20uU29saWRDb2xvckJydXNoLCBOTFJFLkNvbW1vbiIsIkNvbG9yIjp7IiRpZCI6IjEzMCIsIkEiOjI1NSwiUiI6MjA4LCJHIjoyMDYsIkIiOjIwNn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OTciLCJMaW5lQ29sb3IiOm51bGwsIkxpbmVXZWlnaHQiOjAuMCwiTGluZVR5cGUiOjAsIlBhcmVudFN0eWxlIjpudWxsfSwiUGFyZW50U3R5bGUiOm51bGx9LCJEdXJhdGlvblN0eWxlIjp7IiRpZCI6IjE5OCIsIkZvbnRTZXR0aW5ncyI6eyIkaWQiOiIxOTk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wMCIsIkxpbmVDb2xvciI6bnVsbCwiTGluZVdlaWdodCI6MC4wLCJMaW5lVHlwZSI6MCwiUGFyZW50U3R5bGUiOm51bGx9LCJQYXJlbnRTdHlsZSI6bnVsbH0sIkhvcml6b250YWxDb25uZWN0b3JTdHlsZSI6eyIkaWQiOiIyMDEiLCJMaW5lQ29sb3IiOnsiJHJlZiI6Ijk4In0sIkxpbmVXZWlnaHQiOjEuMCwiTGluZVR5cGUiOjAsIlBhcmVudFN0eWxlIjpudWxsfSwiVmVydGljYWxDb25uZWN0b3JTdHlsZSI6eyIkaWQiOiIyMDIiLCJMaW5lQ29sb3IiOnsiJHJlZiI6IjEwMSJ9LCJMaW5lV2VpZ2h0Ijox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MjAzIiwiTWFyZ2luIjp7IiRyZWYiOiIxMDQifSwiUGFkZGluZyI6eyIkcmVmIjoiMTA1In0sIkJhY2tncm91bmQiOnsiJGlkIjoiMjA0IiwiQ29sb3IiOnsiJGlkIjoiMjA1IiwiQSI6MjU1LCJSIjoxNjUsIkciOjE2NSwiQiI6MTY1fX0sIklzVmlzaWJsZSI6dHJ1ZSwiV2lkdGgiOjAuMCwiSGVpZ2h0IjoxNi4wLCJCb3JkZXJTdHlsZSI6eyIkaWQiOiIyMDYiLCJMaW5lQ29sb3IiOnsiJHJlZiI6IjEwOSJ9LCJMaW5lV2VpZ2h0IjowLjAsIkxpbmVUeXBlIjowLCJQYXJlbnRTdHlsZSI6bnVsbH0sIlBhcmVudFN0eWxlIjpudWxsfSwiVGl0bGVTdHlsZSI6eyIkaWQiOiIyMDciLCJGb250U2V0dGluZ3MiOnsiJGlkIjoiMjA4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DkiLCJMaW5lQ29sb3IiOm51bGwsIkxpbmVXZWlnaHQiOjAuMCwiTGluZVR5cGUiOjAsIlBhcmVudFN0eWxlIjpudWxsfSwiUGFyZW50U3R5bGUiOm51bGx9LCJEYXRlU3R5bGUiOnsiJGlkIjoiMjEwIiwiRm9udFNldHRpbmdzIjp7IiRpZCI6IjIxM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IwIiwiVG9wIjowLCJMZWZ0IjowLCJSaWdodCI6MCwiQm90dG9tIjowfSwiUGFkZGluZyI6eyIkaWQiOiIyMjEiLCJUb3AiOjAsIkxlZnQiOjAsIlJpZ2h0IjowLCJCb3R0b20iOjB9LCJCYWNrZ3JvdW5kIjp7IiRyZWYiOiI3MyJ9LCJJc1Zpc2libGUiOnRydWUsIldpZHRoIjowLjAsIkhlaWdodCI6MC4wLCJCb3JkZXJTdHlsZSI6bnVsbCwiUGFyZW50U3R5bGUiOm51bGx9LCJEYXRlU3R5bGUiOnsiJGlkIjoiMjIyIiwiRm9udFNldHRpbmdzIjp7IiRpZCI6IjIyM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I0MCIsIkZvbnRTZXR0aW5ncyI6eyIkaWQiOiIyND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0LCJTaGFwZVNpemUiOjEsIlNoYXBlU3R5bGUiOnsiJGlkIjoiMjQyIiwiTWFyZ2luIjp7IiRyZWYiOiIyMjcifSwiUGFkZGluZyI6eyIkcmVmIjoiMjI4In0sIkJhY2tncm91bmQiOnsiJGlkIjoiMjQzIiwiQ29sb3IiOnsiJGlkIjoiMjQ0IiwiQSI6MjU1LCJSIjoyNTUsIkciOjE5MiwiQiI6MH19LCJJc1Zpc2libGUiOnRydWUsIldpZHRoIjoxMy4wLCJIZWlnaHQiOjEzLjAsIkJvcmRlclN0eWxlIjp7IiRpZCI6IjI0NSIsIkxpbmVDb2xvciI6bnVsbCwiTGluZVdlaWdodCI6MC4wLCJMaW5lVHlwZSI6MCwiUGFyZW50U3R5bGUiOm51bGx9LCJQYXJlbnRTdHlsZSI6bnVsbH0sIkRhdGVGb3JtYXQiOnsiJGlkIjoiMj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yNTQiLCJGb250U2V0dGluZ3MiOnsiJGlkIjoiMjU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CwiU2hhcGVTaXplIjoxLCJTaGFwZVN0eWxlIjp7IiRpZCI6IjI1NiIsIk1hcmdpbiI6eyIkcmVmIjoiMjI3In0sIlBhZGRpbmciOnsiJHJlZiI6IjIyOCJ9LCJCYWNrZ3JvdW5kIjp7IiRpZCI6IjI1NyIsIkNvbG9yIjp7IiRpZCI6IjI1OCIsIkEiOjI1NSwiUiI6MjU1LCJHIjoxOTIsIkIiOjB9fSwiSXNWaXNpYmxlIjp0cnVlLCJXaWR0aCI6MTMuMCwiSGVpZ2h0IjoxMy4wLCJCb3JkZXJTdHlsZSI6eyIkaWQiOiIyNTkiLCJMaW5lQ29sb3IiOm51bGwsIkxpbmVXZWlnaHQiOjAuMCwiTGluZVR5cGUiOjAsIlBhcmVudFN0eWxlIjpudWxsfSwiUGFyZW50U3R5bGUiOm51bGx9LCJEYXRlRm9ybWF0Ijp7IiRpZCI6IjI2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MjY4IiwiRm9udFNldHRpbmdzIjp7IiRpZCI6IjI2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MTQsIlNoYXBlU2l6ZSI6MSwiU2hhcGVTdHlsZSI6eyIkaWQiOiIyNzAiLCJNYXJnaW4iOnsiJHJlZiI6IjIyNyJ9LCJQYWRkaW5nIjp7IiRyZWYiOiIyMjgifSwiQmFja2dyb3VuZCI6eyIkaWQiOiIyNzEiLCJDb2xvciI6eyIkaWQiOiIyNzIiLCJBIjoyNTUsIlIiOjI1NSwiRyI6MTkyLCJCIjowfX0sIklzVmlzaWJsZSI6dHJ1ZSwiV2lkdGgiOjEzLjAsIkhlaWdodCI6MTMuMCwiQm9yZGVyU3R5bGUiOnsiJGlkIjoiMjczIiwiTGluZUNvbG9yIjpudWxsLCJMaW5lV2VpZ2h0IjowLjAsIkxpbmVUeXBlIjowLCJQYXJlbnRTdHlsZSI6bnVsbH0sIlBhcmVudFN0eWxlIjpudWxsfSwiRGF0ZUZvcm1hdCI6eyIkaWQiOiIy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I4MiIsIkZvbnRTZXR0aW5ncyI6eyIkaWQiOiIyODM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0LCJTaGFwZVNpemUiOjEsIlNoYXBlU3R5bGUiOnsiJGlkIjoiMjg0IiwiTWFyZ2luIjp7IiRyZWYiOiIyMjcifSwiUGFkZGluZyI6eyIkcmVmIjoiMjI4In0sIkJhY2tncm91bmQiOnsiJGlkIjoiMjg1IiwiQ29sb3IiOnsiJGlkIjoiMjg2IiwiQSI6MjU1LCJSIjoyNTUsIkciOjE5MiwiQiI6MH19LCJJc1Zpc2libGUiOnRydWUsIldpZHRoIjoxMy4wLCJIZWlnaHQiOjEzLjAsIkJvcmRlclN0eWxlIjp7IiRpZCI6IjI4NyIsIkxpbmVDb2xvciI6bnVsbCwiTGluZVdlaWdodCI6MC4wLCJMaW5lVHlwZSI6MCwiUGFyZW50U3R5bGUiOm51bGx9LCJQYXJlbnRTdHlsZSI6bnVsbH0sIkRhdGVGb3JtYXQiOnsiJGlkIjoiM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I5NiIsIkZvbnRTZXR0aW5ncyI6eyIkaWQiOiIyOTc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0LCJTaGFwZVNpemUiOjEsIlNoYXBlU3R5bGUiOnsiJGlkIjoiMjk4IiwiTWFyZ2luIjp7IiRyZWYiOiIyMjcifSwiUGFkZGluZyI6eyIkcmVmIjoiMjI4In0sIkJhY2tncm91bmQiOnsiJGlkIjoiMjk5IiwiQ29sb3IiOnsiJGlkIjoiMzAwIiwiQSI6MjU1LCJSIjoyNTUsIkciOjE5MiwiQiI6MH19LCJJc1Zpc2libGUiOnRydWUsIldpZHRoIjoxMy4wLCJIZWlnaHQiOjEzLjAsIkJvcmRlclN0eWxlIjp7IiRpZCI6IjMwMSIsIkxpbmVDb2xvciI6bnVsbCwiTGluZVdlaWdodCI6MC4wLCJMaW5lVHlwZSI6MCwiUGFyZW50U3R5bGUiOm51bGx9LCJQYXJlbnRTdHlsZSI6bnVsbH0sIkRhdGVGb3JtYXQiOnsiJGlkIjoiMz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zMTAiLCJGb250U2V0dGluZ3MiOnsiJGlkIjoiMzE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CwiU2hhcGVTaXplIjoxLCJTaGFwZVN0eWxlIjp7IiRpZCI6IjMxMiIsIk1hcmdpbiI6eyIkcmVmIjoiMjI3In0sIlBhZGRpbmciOnsiJHJlZiI6IjIyOCJ9LCJCYWNrZ3JvdW5kIjp7IiRpZCI6IjMxMyIsIkNvbG9yIjp7IiRpZCI6IjMxNCIsIkEiOjI1NSwiUiI6MjU1LCJHIjoxOTIsIkIiOjB9fSwiSXNWaXNpYmxlIjp0cnVlLCJXaWR0aCI6MTMuMCwiSGVpZ2h0IjoxMy4wLCJCb3JkZXJTdHlsZSI6eyIkaWQiOiIzMTUiLCJMaW5lQ29sb3IiOm51bGwsIkxpbmVXZWlnaHQiOjAuMCwiTGluZVR5cGUiOjAsIlBhcmVudFN0eWxlIjpudWxsfSwiUGFyZW50U3R5bGUiOm51bGx9LCJEYXRlRm9ybWF0Ijp7IiRpZCI6IjM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zMjQiLCJGb250U2V0dGluZ3MiOnsiJGlkIjoiMzI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CwiU2hhcGVTaXplIjoxLCJTaGFwZVN0eWxlIjp7IiRpZCI6IjMyNiIsIk1hcmdpbiI6eyIkcmVmIjoiMjI3In0sIlBhZGRpbmciOnsiJHJlZiI6IjIyOCJ9LCJCYWNrZ3JvdW5kIjp7IiRpZCI6IjMyNyIsIkNvbG9yIjp7IiRpZCI6IjMyOCIsIkEiOjI1NSwiUiI6MjU1LCJHIjoxOTIsIkIiOjB9fSwiSXNWaXNpYmxlIjp0cnVlLCJXaWR0aCI6MTMuMCwiSGVpZ2h0IjoxMy4wLCJCb3JkZXJTdHlsZSI6eyIkaWQiOiIzMjkiLCJMaW5lQ29sb3IiOm51bGwsIkxpbmVXZWlnaHQiOjAuMCwiTGluZVR5cGUiOjAsIlBhcmVudFN0eWxlIjpudWxsfSwiUGFyZW50U3R5bGUiOm51bGx9LCJEYXRlRm9ybWF0Ijp7IiRpZCI6IjMz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U3IiwiVG9wIjowLCJMZWZ0IjowLCJSaWdodCI6MCwiQm90dG9tIjowfSwiUGFkZGluZyI6eyIkaWQiOiIzNTgiLCJUb3AiOjAsIkxlZnQiOjAsIlJpZ2h0IjowLCJCb3R0b20iOjB9LCJCYWNrZ3JvdW5kIjp7IiRpZCI6IjM1OSIsIkNvbG9yIjp7IiRpZCI6IjM2MCIsIkEiOjAsIlIiOjAsIkciOjAsIkIiOjB9fSwiSXNWaXNpYmxlIjp0cnVlLCJXaWR0aCI6MC4wLCJIZWlnaHQiOjAuMCwiQm9yZGVyU3R5bGUiOm51bGwsIlBhcmVudFN0eWxlIjpudWxsfSwiRGF0ZVN0eWxlIjp7IiRpZCI6IjM2MSIsIkZvbnRTZXR0aW5ncyI6eyIkaWQiOiIzNj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4MCIsIlRvcCI6MCwiTGVmdCI6MCwiUmlnaHQiOjAsIkJvdHRvbSI6MH0sIlBhZGRpbmciOnsiJGlkIjoiMzgxIiwiVG9wIjowLCJMZWZ0IjowLCJSaWdodCI6MCwiQm90dG9tIjowfSwiQmFja2dyb3VuZCI6eyIkcmVmIjoiMzU5In0sIklzVmlzaWJsZSI6dHJ1ZSwiV2lkdGgiOjAuMCwiSGVpZ2h0IjowLjAsIkJvcmRlclN0eWxlIjpudWxsLCJQYXJlbnRTdHlsZSI6bnVsbH0sIkRhdGVTdHlsZSI6eyIkaWQiOiIzODIiLCJGb250U2V0dGluZ3MiOnsiJGlkIjoiMzgz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QwMCIsIkZvbnRTZXR0aW5ncyI6eyIkaWQiOiI0MD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sIlNoYXBlU2l6ZSI6MSwiU2hhcGVTdHlsZSI6eyIkaWQiOiI0MDIiLCJNYXJnaW4iOnsiJHJlZiI6IjIyNyJ9LCJQYWRkaW5nIjp7IiRyZWYiOiIyMjgifSwiQmFja2dyb3VuZCI6eyIkaWQiOiI0MDMiLCJDb2xvciI6eyIkaWQiOiI0MDQiLCJBIjoyNTUsIlIiOjExMiwiRyI6MTczLCJCIjo3MX19LCJJc1Zpc2libGUiOnRydWUsIldpZHRoIjoxMy4wLCJIZWlnaHQiOjEzLjAsIkJvcmRlclN0eWxlIjp7IiRpZCI6IjQwNSIsIkxpbmVDb2xvciI6bnVsbCwiTGluZVdlaWdodCI6MC4wLCJMaW5lVHlwZSI6MCwiUGFyZW50U3R5bGUiOm51bGx9LCJQYXJlbnRTdHlsZSI6bnVsbH0sIkRhdGVGb3JtYXQiOnsiJGlkIjoiN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E0IiwiRm9udFNldHRpbmdzIjp7IiRpZCI6IjQxNSIsIkZvbnRTaXplIjoxMCwiRm9udE5hbWUiOiJDYWxpYnJpIiwiSXNCb2xkIjpmYWxzZSwiSXNJdGFsaWMiOmZhbHNlLCJJc1VuZGVybGluZWQiOmZhbHNlLCJQYXJlbnRTdHlsZSI6bnVsbH0sIkF1dG9TaXplIjowLCJGb3JlZ3JvdW5kIjp7IiRpZCI6IjQxNiIsIkNvbG9yIjp7IiRpZCI6IjQxNyIsIkEiOjI1NSwiUiI6MTgsIkciOjE5LCJCIjoyM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QyOSIsIkZvbnRTZXR0aW5ncyI6eyIkaWQiOiI0MzA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sIlNoYXBlU2l6ZSI6MSwiU2hhcGVTdHlsZSI6eyIkaWQiOiI0MzEiLCJNYXJnaW4iOnsiJHJlZiI6IjIyNyJ9LCJQYWRkaW5nIjp7IiRyZWYiOiIyMjgifSwiQmFja2dyb3VuZCI6eyIkaWQiOiI0MzIiLCJDb2xvciI6eyIkaWQiOiI0MzMiLCJBIjoyNTUsIlIiOjExMiwiRyI6MTczLCJCIjo3MX19LCJJc1Zpc2libGUiOnRydWUsIldpZHRoIjoxMy4wLCJIZWlnaHQiOjEzLjAsIkJvcmRlclN0eWxlIjp7IiRpZCI6IjQzNCIsIkxpbmVDb2xvciI6bnVsbCwiTGluZVdlaWdodCI6MC4wLCJMaW5lVHlwZSI6MCwiUGFyZW50U3R5bGUiOm51bGx9LCJQYXJlbnRTdHlsZSI6bnVsbH0sIkRhdGVGb3JtYXQiOnsiJGlkIjoiND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0NDMiLCJGb250U2V0dGluZ3MiOnsiJGlkIjoiNDQ0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LCJTaGFwZVNpemUiOjEsIlNoYXBlU3R5bGUiOnsiJGlkIjoiNDQ1IiwiTWFyZ2luIjp7IiRyZWYiOiIyMjcifSwiUGFkZGluZyI6eyIkcmVmIjoiMjI4In0sIkJhY2tncm91bmQiOnsiJGlkIjoiNDQ2IiwiQ29sb3IiOnsiJGlkIjoiNDQ3IiwiQSI6MjU1LCJSIjoxMTIsIkciOjE3MywiQiI6NzF9fSwiSXNWaXNpYmxlIjp0cnVlLCJXaWR0aCI6MTMuMCwiSGVpZ2h0IjoxMy4wLCJCb3JkZXJTdHlsZSI6eyIkaWQiOiI0NDgiLCJMaW5lQ29sb3IiOm51bGwsIkxpbmVXZWlnaHQiOjAuMCwiTGluZVR5cGUiOjAsIlBhcmVudFN0eWxlIjpudWxsfSwiUGFyZW50U3R5bGUiOm51bGx9LCJEYXRlRm9ybWF0Ijp7IiRpZCI6IjQ0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1NyIsIlRvcCI6MCwiTGVmdCI6MCwiUmlnaHQiOjAsIkJvdHRvbSI6MH0sIlBhZGRpbmciOnsiJGlkIjoiNDU4IiwiVG9wIjowLCJMZWZ0IjowLCJSaWdodCI6MCwiQm90dG9tIjowfSwiQmFja2dyb3VuZCI6eyIkcmVmIjoiMzU5In0sIklzVmlzaWJsZSI6dHJ1ZSwiV2lkdGgiOjAuMCwiSGVpZ2h0IjowLjAsIkJvcmRlclN0eWxlIjpudWxsLCJQYXJlbnRTdHlsZSI6bnVsbH0sIkRhdGVTdHlsZSI6eyIkaWQiOiI0NTkiLCJGb250U2V0dGluZ3MiOnsiJGlkIjoiNDYw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c3IiwiRm9udFNldHRpbmdzIjp7IiRpZCI6IjQ3OCIsIkZvbnRTaXplIjoxMCwiRm9udE5hbWUiOiJDYWxpYnJpIiwiSXNCb2xkIjpmYWxzZSwiSXNJdGFsaWMiOmZhbHNlLCJJc1VuZGVybGluZWQiOmZhbHNlLCJQYXJlbnRTdHlsZSI6bnVsbH0sIkF1dG9TaXplIjowLCJGb3JlZ3JvdW5kIjp7IiRpZCI6IjQ3OSIsIkNvbG9yIjp7IiRpZCI6IjQ4MCIsIkEiOjI1NSwiUiI6MTgsIkciOjE5LCJCIjoyM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0OTIiLCJGb250U2V0dGluZ3MiOnsiJGlkIjoiNDkz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LCJTaGFwZVNpemUiOjEsIlNoYXBlU3R5bGUiOnsiJGlkIjoiNDk0IiwiTWFyZ2luIjp7IiRyZWYiOiIyMjcifSwiUGFkZGluZyI6eyIkcmVmIjoiMjI4In0sIkJhY2tncm91bmQiOnsiJGlkIjoiNDk1IiwiQ29sb3IiOnsiJGlkIjoiNDk2IiwiQSI6MjU1LCJSIjoxMTIsIkciOjE3MywiQiI6NzF9fSwiSXNWaXNpYmxlIjp0cnVlLCJXaWR0aCI6MTMuMCwiSGVpZ2h0IjoxMy4wLCJCb3JkZXJTdHlsZSI6eyIkaWQiOiI0OTciLCJMaW5lQ29sb3IiOm51bGwsIkxpbmVXZWlnaHQiOjAuMCwiTGluZVR5cGUiOjAsIlBhcmVudFN0eWxlIjpudWxsfSwiUGFyZW50U3R5bGUiOm51bGx9LCJEYXRlRm9ybWF0Ijp7IiRpZCI6IjQ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1MjUiLCJGb250U2V0dGluZ3MiOnsiJGlkIjoiNTI2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U3OSIsIkZvbnRTZXR0aW5ncyI6eyIkaWQiOiI1ODA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jEzIiwiRm9udFNldHRpbmdzIjp7IiRpZCI6IjYxN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jI3IiwiRm9udFNldHRpbmdzIjp7IiRpZCI6IjYyO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jQxIiwiRm9udFNldHRpbmdzIjp7IiRpZCI6IjY0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jc0IiwiRm9udFNldHRpbmdzIjp7IiRpZCI6IjY3N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MTcsIlNoYXBlU2l6ZSI6MywiU2hhcGVTdHlsZSI6eyIkaWQiOiI2NzYiLCJNYXJnaW4iOnsiJHJlZiI6IjIyNyJ9LCJQYWRkaW5nIjp7IiRyZWYiOiIyMjgifSwiQmFja2dyb3VuZCI6eyIkaWQiOiI2NzciLCJDb2xvciI6eyIkaWQiOiI2NzgiLCJBIjoyNTUsIlIiOjIzNywiRyI6MTI1LCJCIjo0OX19LCJJc1Zpc2libGUiOnRydWUsIldpZHRoIjoxNy4wLCJIZWlnaHQiOjE3LjAsIkJvcmRlclN0eWxlIjp7IiRpZCI6IjY3OSIsIkxpbmVDb2xvciI6bnVsbCwiTGluZVdlaWdodCI6MC4wLCJMaW5lVHlwZSI6MCwiUGFyZW50U3R5bGUiOm51bGx9LCJQYXJlbnRTdHlsZSI6bnVsbH0sIkRhdGVGb3JtYXQiOnsiJGlkIjoiNj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2ODgiLCJGb250U2V0dGluZ3MiOnsiJGlkIjoiNjg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ywiU2hhcGVTaXplIjozLCJTaGFwZVN0eWxlIjp7IiRpZCI6IjY5MCIsIk1hcmdpbiI6eyIkcmVmIjoiMjI3In0sIlBhZGRpbmciOnsiJHJlZiI6IjIyOCJ9LCJCYWNrZ3JvdW5kIjp7IiRpZCI6IjY5MSIsIkNvbG9yIjp7IiRpZCI6IjY5MiIsIkEiOjI1NSwiUiI6MjM3LCJHIjoxMjUsIkIiOjQ5fX0sIklzVmlzaWJsZSI6dHJ1ZSwiV2lkdGgiOjE3LjAsIkhlaWdodCI6MTcuMCwiQm9yZGVyU3R5bGUiOnsiJGlkIjoiNjkzIiwiTGluZUNvbG9yIjpudWxsLCJMaW5lV2VpZ2h0IjowLjAsIkxpbmVUeXBlIjowLCJQYXJlbnRTdHlsZSI6bnVsbH0sIlBhcmVudFN0eWxlIjpudWxsfSwiRGF0ZUZvcm1hdCI6eyIkaWQiOiI2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zAyIiwiRm9udFNldHRpbmdzIjp7IiRpZCI6IjcwMyIsIkZvbnRTaXplIjoxMCwiRm9udE5hbWUiOiJDYWxpYnJpIiwiSXNCb2xkIjpmYWxzZSwiSXNJdGFsaWMiOmZhbHNlLCJJc1VuZGVybGluZWQiOmZhbHNlLCJQYXJlbnRTdHlsZSI6bnVsbH0sIkF1dG9TaXplIjowLCJGb3JlZ3JvdW5kIjp7IiRpZCI6IjcwNCIsIkNvbG9yIjp7IiRpZCI6Ijcw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3LCJTaGFwZVNpemUiOjMsIlNoYXBlU3R5bGUiOnsiJGlkIjoiNzA2IiwiTWFyZ2luIjp7IiRyZWYiOiIyMjcifSwiUGFkZGluZyI6eyIkcmVmIjoiMjI4In0sIkJhY2tncm91bmQiOnsiJGlkIjoiNzA3IiwiQ29sb3IiOnsiJGlkIjoiNzA4IiwiQSI6MjU1LCJSIjoyMzcsIkciOjEyNSwiQiI6NDl9fSwiSXNWaXNpYmxlIjp0cnVlLCJXaWR0aCI6MTcuMCwiSGVpZ2h0IjoxNy4wLCJCb3JkZXJTdHlsZSI6eyIkaWQiOiI3MDkiLCJMaW5lQ29sb3IiOm51bGwsIkxpbmVXZWlnaHQiOjAuMCwiTGluZVR5cGUiOjAsIlBhcmVudFN0eWxlIjpudWxsfSwiUGFyZW50U3R5bGUiOm51bGx9LCJEYXRlRm9ybWF0Ijp7IiRpZCI6Ijc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3MTgiLCJGb250U2V0dGluZ3MiOnsiJGlkIjoiNzE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ywiU2hhcGVTaXplIjozLCJTaGFwZVN0eWxlIjp7IiRpZCI6IjcyMCIsIk1hcmdpbiI6eyIkcmVmIjoiMjI3In0sIlBhZGRpbmciOnsiJHJlZiI6IjIyOCJ9LCJCYWNrZ3JvdW5kIjp7IiRpZCI6IjcyMSIsIkNvbG9yIjp7IiRpZCI6IjcyMiIsIkEiOjI1NSwiUiI6MjM3LCJHIjoxMjUsIkIiOjQ5fX0sIklzVmlzaWJsZSI6dHJ1ZSwiV2lkdGgiOjE3LjAsIkhlaWdodCI6MTcuMCwiQm9yZGVyU3R5bGUiOnsiJGlkIjoiNzIzIiwiTGluZUNvbG9yIjpudWxsLCJMaW5lV2VpZ2h0IjowLjAsIkxpbmVUeXBlIjowLCJQYXJlbnRTdHlsZSI6bnVsbH0sIlBhcmVudFN0eWxlIjpudWxsfSwiRGF0ZUZvcm1hdCI6eyIkaWQiOiI3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c1MSIsIkZvbnRTZXR0aW5ncyI6eyIkaWQiOiI3NT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UsIlNoYXBlU2l6ZSI6MSwiU2hhcGVTdHlsZSI6eyIkaWQiOiI3NTMiLCJNYXJnaW4iOnsiJHJlZiI6IjIyNyJ9LCJQYWRkaW5nIjp7IiRyZWYiOiIyMjgifSwiQmFja2dyb3VuZCI6eyIkaWQiOiI3NTQiLCJDb2xvciI6eyIkaWQiOiI3NTUiLCJBIjoyNTUsIlIiOjE2NSwiRyI6MTY1LCJCIjoxNjV9fSwiSXNWaXNpYmxlIjp0cnVlLCJXaWR0aCI6MTMuMCwiSGVpZ2h0IjoxMy4wLCJCb3JkZXJTdHlsZSI6eyIkaWQiOiI3NTYiLCJMaW5lQ29sb3IiOm51bGwsIkxpbmVXZWlnaHQiOjAuMCwiTGluZVR5cGUiOjAsIlBhcmVudFN0eWxlIjpudWxsfSwiUGFyZW50U3R5bGUiOm51bGx9LCJEYXRlRm9ybWF0Ijp7IiRpZCI6Ijc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zY1IiwiRm9udFNldHRpbmdzIjp7IiRpZCI6Ijc2N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NSwiU2hhcGVTaXplIjoxLCJTaGFwZVN0eWxlIjp7IiRpZCI6Ijc2NyIsIk1hcmdpbiI6eyIkcmVmIjoiMjI3In0sIlBhZGRpbmciOnsiJHJlZiI6IjIyOCJ9LCJCYWNrZ3JvdW5kIjp7IiRpZCI6Ijc2OCIsIkNvbG9yIjp7IiRpZCI6Ijc2OSIsIkEiOjI1NSwiUiI6MTY1LCJHIjoxNjUsIkIiOjE2NX19LCJJc1Zpc2libGUiOnRydWUsIldpZHRoIjoxMy4wLCJIZWlnaHQiOjEzLjAsIkJvcmRlclN0eWxlIjp7IiRpZCI6Ijc3MCIsIkxpbmVDb2xvciI6bnVsbCwiTGluZVdlaWdodCI6MC4wLCJMaW5lVHlwZSI6MCwiUGFyZW50U3R5bGUiOm51bGx9LCJQYXJlbnRTdHlsZSI6bnVsbH0sIkRhdGVGb3JtYXQiOnsiJGlkIjoiNz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zc5IiwiRm9udFNldHRpbmdzIjp7IiRpZCI6Ijc4MCIsIkZvbnRTaXplIjoxMCwiRm9udE5hbWUiOiJDYWxpYnJpIiwiSXNCb2xkIjpmYWxzZSwiSXNJdGFsaWMiOmZhbHNlLCJJc1VuZGVybGluZWQiOmZhbHNlLCJQYXJlbnRTdHlsZSI6bnVsbH0sIkF1dG9TaXplIjowLCJGb3JlZ3JvdW5kIjp7IiRpZCI6Ijc4MSIsIkNvbG9yIjp7IiRpZCI6Ijc4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UsIlNoYXBlU2l6ZSI6MSwiU2hhcGVTdHlsZSI6eyIkaWQiOiI3ODMiLCJNYXJnaW4iOnsiJHJlZiI6IjIyNyJ9LCJQYWRkaW5nIjp7IiRyZWYiOiIyMjgifSwiQmFja2dyb3VuZCI6eyIkaWQiOiI3ODQiLCJDb2xvciI6eyIkaWQiOiI3ODUiLCJBIjoyNTUsIlIiOjE2NSwiRyI6MTY1LCJCIjoxNjV9fSwiSXNWaXNpYmxlIjp0cnVlLCJXaWR0aCI6MTMuMCwiSGVpZ2h0IjoxMy4wLCJCb3JkZXJTdHlsZSI6eyIkaWQiOiI3ODYiLCJMaW5lQ29sb3IiOm51bGwsIkxpbmVXZWlnaHQiOjAuMCwiTGluZVR5cGUiOjAsIlBhcmVudFN0eWxlIjpudWxsfSwiUGFyZW50U3R5bGUiOm51bGx9LCJEYXRlRm9ybWF0Ijp7IiRpZCI6Ijc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c4OCIsIkFkZHJlc3MiOiIiLCJTdWJBZGRyZXNzIjoiIn0sIkltcG9ydElkIjpudWxsfV19XSwiTXNQcm9qZWN0SXRlbXNUcmVlIjp7IiRpZCI6Ijc4OSIsIlJvb3QiOnsiSW1wb3J0SWQiOm51bGwsIklzSW1wb3J0ZWQiOmZhbHNlLCJDaGlsZHJlbiI6W119fSwiTWV0YWRhdGEiOnsiJGlkIjoiNzkwIiwiUmVjZW50Q29sb3JzQ29sbGVjdGlvbiI6IltdIn0sIlNldHRpbmdzIjp7IiRpZCI6Ijc5MSIsIkltcGFPcHRpb25zIjp7IiRpZCI6Ijc5M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c5MyIsIlVzZVRpbWUiOmZhbHNlLCJXb3JrRGF5U3RhcnQiOiIwMDowMDowMCIsIldvcmtEYXlFbmQiOiIyMzo1OTowMCJ9LCJMYXN0VXNlZFRlbXBsYXRlSWQiOiJjYzI2Zjg2My0yN2NlLTQ4MGUtYTU4OS1iM2YxMmYyZDZlYjA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69</Words>
  <Application>Microsoft Office PowerPoint</Application>
  <PresentationFormat>Widescreen</PresentationFormat>
  <Paragraphs>64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8" baseType="lpstr">
      <vt:lpstr>Arial</vt:lpstr>
      <vt:lpstr>Calibri</vt:lpstr>
      <vt:lpstr>Calibri Light</vt:lpstr>
      <vt:lpstr>Segoe UI</vt:lpstr>
      <vt:lpstr>2_Office Theme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1:18Z</dcterms:created>
  <dcterms:modified xsi:type="dcterms:W3CDTF">2022-03-20T15:39:47Z</dcterms:modified>
</cp:coreProperties>
</file>